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5_R8.03.19 定通分割【合格者数】\00_【原稿】\"/>
    </mc:Choice>
  </mc:AlternateContent>
  <xr:revisionPtr revIDLastSave="0" documentId="8_{12217441-A1C9-4288-A33D-11ED7D26CDFB}" xr6:coauthVersionLast="47" xr6:coauthVersionMax="47" xr10:uidLastSave="{00000000-0000-0000-0000-000000000000}"/>
  <bookViews>
    <workbookView xWindow="-120" yWindow="-120" windowWidth="29040" windowHeight="15720" xr2:uid="{C283614E-5625-422E-AD2E-4B9FE1FE1D7E}"/>
  </bookViews>
  <sheets>
    <sheet name="別紙２_R8" sheetId="1" r:id="rId1"/>
  </sheets>
  <definedNames>
    <definedName name="_xlnm.Print_Area" localSheetId="0">別紙２_R8!$A$1:$M$10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0" uniqueCount="69">
  <si>
    <t>令和８年度神奈川県公立高等学校入学者選抜一般募集定通分割選抜合格状況　
（定時制の課程及び通信制の課程）</t>
    <rPh sb="0" eb="2">
      <t>レイワ</t>
    </rPh>
    <phoneticPr fontId="4"/>
  </si>
  <si>
    <t>※　志願者がいなかった学校については、合格者数等を「-」で表しています。</t>
    <rPh sb="2" eb="5">
      <t>シガンシャ</t>
    </rPh>
    <rPh sb="11" eb="13">
      <t>ガッコウ</t>
    </rPh>
    <rPh sb="19" eb="22">
      <t>ゴウカクシャ</t>
    </rPh>
    <rPh sb="22" eb="23">
      <t>スウ</t>
    </rPh>
    <rPh sb="23" eb="24">
      <t>トウ</t>
    </rPh>
    <rPh sb="29" eb="30">
      <t>アラワ</t>
    </rPh>
    <phoneticPr fontId="6"/>
  </si>
  <si>
    <t>※　受検者がいなかった学校については、競争率を「-」で表しています。</t>
    <rPh sb="2" eb="4">
      <t>ジュケン</t>
    </rPh>
    <rPh sb="4" eb="5">
      <t>シャ</t>
    </rPh>
    <rPh sb="11" eb="13">
      <t>ガッコウ</t>
    </rPh>
    <rPh sb="19" eb="22">
      <t>キョウソウリツ</t>
    </rPh>
    <rPh sb="27" eb="28">
      <t>アラワ</t>
    </rPh>
    <phoneticPr fontId="6"/>
  </si>
  <si>
    <t>（定時制の課程）</t>
  </si>
  <si>
    <t>普通科</t>
    <rPh sb="0" eb="2">
      <t>フツウ</t>
    </rPh>
    <rPh sb="2" eb="3">
      <t>カ</t>
    </rPh>
    <phoneticPr fontId="3"/>
  </si>
  <si>
    <t>募集</t>
    <rPh sb="0" eb="2">
      <t>ボシュウ</t>
    </rPh>
    <phoneticPr fontId="3"/>
  </si>
  <si>
    <t>定通分割選抜</t>
    <rPh sb="0" eb="1">
      <t>テイ</t>
    </rPh>
    <rPh sb="1" eb="2">
      <t>ツウ</t>
    </rPh>
    <rPh sb="2" eb="4">
      <t>ブンカツ</t>
    </rPh>
    <rPh sb="4" eb="6">
      <t>センバツ</t>
    </rPh>
    <phoneticPr fontId="3"/>
  </si>
  <si>
    <t>３月５日以降</t>
    <rPh sb="1" eb="2">
      <t>ガツ</t>
    </rPh>
    <rPh sb="3" eb="4">
      <t>ニチ</t>
    </rPh>
    <rPh sb="4" eb="6">
      <t>イコウ</t>
    </rPh>
    <phoneticPr fontId="3"/>
  </si>
  <si>
    <t>定通分割選抜合格者数</t>
    <rPh sb="0" eb="1">
      <t>テイ</t>
    </rPh>
    <rPh sb="1" eb="2">
      <t>ツウ</t>
    </rPh>
    <rPh sb="2" eb="4">
      <t>ブンカツ</t>
    </rPh>
    <rPh sb="4" eb="6">
      <t>センバツ</t>
    </rPh>
    <rPh sb="6" eb="8">
      <t>ゴウカク</t>
    </rPh>
    <rPh sb="8" eb="9">
      <t>シャ</t>
    </rPh>
    <rPh sb="9" eb="10">
      <t>スウ</t>
    </rPh>
    <phoneticPr fontId="3"/>
  </si>
  <si>
    <t>受検後</t>
    <rPh sb="0" eb="2">
      <t>ジュケン</t>
    </rPh>
    <rPh sb="2" eb="3">
      <t>ゴ</t>
    </rPh>
    <phoneticPr fontId="4"/>
  </si>
  <si>
    <t xml:space="preserve"> 学 校 名</t>
    <rPh sb="1" eb="2">
      <t>ガク</t>
    </rPh>
    <rPh sb="3" eb="4">
      <t>コウ</t>
    </rPh>
    <rPh sb="5" eb="6">
      <t>メイ</t>
    </rPh>
    <phoneticPr fontId="3"/>
  </si>
  <si>
    <t xml:space="preserve"> 学 科 名</t>
    <rPh sb="1" eb="2">
      <t>ガク</t>
    </rPh>
    <rPh sb="3" eb="4">
      <t>カ</t>
    </rPh>
    <rPh sb="5" eb="6">
      <t>ナ</t>
    </rPh>
    <phoneticPr fontId="3"/>
  </si>
  <si>
    <t>定員</t>
    <rPh sb="0" eb="2">
      <t>テイイン</t>
    </rPh>
    <phoneticPr fontId="3"/>
  </si>
  <si>
    <t>募集人員</t>
    <rPh sb="0" eb="2">
      <t>ボシュウ</t>
    </rPh>
    <rPh sb="2" eb="4">
      <t>ジンイン</t>
    </rPh>
    <phoneticPr fontId="3"/>
  </si>
  <si>
    <t>共通選抜</t>
    <rPh sb="0" eb="2">
      <t>キョウツウ</t>
    </rPh>
    <rPh sb="2" eb="4">
      <t>センバツ</t>
    </rPh>
    <phoneticPr fontId="3"/>
  </si>
  <si>
    <t>受検者数</t>
    <rPh sb="0" eb="2">
      <t>ジュケン</t>
    </rPh>
    <rPh sb="2" eb="3">
      <t>シャ</t>
    </rPh>
    <rPh sb="3" eb="4">
      <t>カズ</t>
    </rPh>
    <phoneticPr fontId="3"/>
  </si>
  <si>
    <t>学区</t>
    <rPh sb="0" eb="2">
      <t>ガック</t>
    </rPh>
    <phoneticPr fontId="3"/>
  </si>
  <si>
    <t>計</t>
    <rPh sb="0" eb="1">
      <t>ケイ</t>
    </rPh>
    <phoneticPr fontId="3"/>
  </si>
  <si>
    <t>取消者数</t>
    <rPh sb="0" eb="2">
      <t>トリケシ</t>
    </rPh>
    <rPh sb="2" eb="3">
      <t>シャ</t>
    </rPh>
    <rPh sb="3" eb="4">
      <t>スウ</t>
    </rPh>
    <phoneticPr fontId="4"/>
  </si>
  <si>
    <t>競争率</t>
    <phoneticPr fontId="3"/>
  </si>
  <si>
    <t>入学辞退者数</t>
    <rPh sb="0" eb="2">
      <t>ニュウガク</t>
    </rPh>
    <rPh sb="2" eb="4">
      <t>ジタイ</t>
    </rPh>
    <rPh sb="4" eb="5">
      <t>シャ</t>
    </rPh>
    <rPh sb="5" eb="6">
      <t>スウ</t>
    </rPh>
    <phoneticPr fontId="3"/>
  </si>
  <si>
    <t>(A)</t>
    <phoneticPr fontId="3"/>
  </si>
  <si>
    <t>内</t>
    <rPh sb="0" eb="1">
      <t>ナイ</t>
    </rPh>
    <phoneticPr fontId="3"/>
  </si>
  <si>
    <t>外</t>
    <rPh sb="0" eb="1">
      <t>ガイ</t>
    </rPh>
    <phoneticPr fontId="3"/>
  </si>
  <si>
    <t>(B)</t>
    <phoneticPr fontId="4"/>
  </si>
  <si>
    <t>(C)</t>
  </si>
  <si>
    <t>(A-C)/B</t>
    <phoneticPr fontId="3"/>
  </si>
  <si>
    <t>県立希望ケ丘</t>
    <rPh sb="0" eb="2">
      <t>ケンリツ</t>
    </rPh>
    <rPh sb="2" eb="6">
      <t>キボウガオカ</t>
    </rPh>
    <phoneticPr fontId="3"/>
  </si>
  <si>
    <t>普通科</t>
    <rPh sb="0" eb="2">
      <t>フツウ</t>
    </rPh>
    <rPh sb="2" eb="3">
      <t>カ</t>
    </rPh>
    <phoneticPr fontId="4"/>
  </si>
  <si>
    <t>－</t>
    <phoneticPr fontId="4"/>
  </si>
  <si>
    <t>県立横須賀</t>
    <rPh sb="0" eb="2">
      <t>ケンリツ</t>
    </rPh>
    <rPh sb="2" eb="5">
      <t>ヨコスカ</t>
    </rPh>
    <phoneticPr fontId="3"/>
  </si>
  <si>
    <t>－</t>
  </si>
  <si>
    <t>県立追浜</t>
    <rPh sb="0" eb="2">
      <t>ケンリツ</t>
    </rPh>
    <rPh sb="2" eb="4">
      <t>オッパマ</t>
    </rPh>
    <phoneticPr fontId="3"/>
  </si>
  <si>
    <t>県立津久井</t>
    <rPh sb="0" eb="2">
      <t>ケンリツ</t>
    </rPh>
    <rPh sb="2" eb="5">
      <t>ツクイ</t>
    </rPh>
    <phoneticPr fontId="3"/>
  </si>
  <si>
    <t>横浜市立戸塚</t>
    <rPh sb="0" eb="4">
      <t>ヨコハマシリツ</t>
    </rPh>
    <rPh sb="4" eb="6">
      <t>トヅカ</t>
    </rPh>
    <phoneticPr fontId="3"/>
  </si>
  <si>
    <t>川崎市立橘</t>
    <rPh sb="0" eb="4">
      <t>カワサキシリツ</t>
    </rPh>
    <rPh sb="4" eb="5">
      <t>タチバナ</t>
    </rPh>
    <phoneticPr fontId="3"/>
  </si>
  <si>
    <t>川崎市立高津</t>
    <rPh sb="0" eb="4">
      <t>カワサキシリツ</t>
    </rPh>
    <rPh sb="4" eb="6">
      <t>タカツ</t>
    </rPh>
    <phoneticPr fontId="3"/>
  </si>
  <si>
    <t>合　　計</t>
    <rPh sb="0" eb="4">
      <t>ゴウケイ</t>
    </rPh>
    <phoneticPr fontId="3"/>
  </si>
  <si>
    <t>専門学科（工業に関する学科）</t>
    <rPh sb="5" eb="7">
      <t>コウギョウ</t>
    </rPh>
    <rPh sb="8" eb="9">
      <t>カン</t>
    </rPh>
    <rPh sb="11" eb="13">
      <t>ガッカ</t>
    </rPh>
    <phoneticPr fontId="3"/>
  </si>
  <si>
    <t>定通分割選抜</t>
    <rPh sb="0" eb="1">
      <t>テイ</t>
    </rPh>
    <rPh sb="1" eb="2">
      <t>ツウ</t>
    </rPh>
    <rPh sb="2" eb="4">
      <t>ブンカツ</t>
    </rPh>
    <rPh sb="4" eb="6">
      <t>センバツ</t>
    </rPh>
    <phoneticPr fontId="4"/>
  </si>
  <si>
    <t>合格者数</t>
    <rPh sb="0" eb="2">
      <t>ゴウカク</t>
    </rPh>
    <rPh sb="2" eb="3">
      <t>シャ</t>
    </rPh>
    <rPh sb="3" eb="4">
      <t>スウ</t>
    </rPh>
    <phoneticPr fontId="3"/>
  </si>
  <si>
    <t>県立小田原北</t>
    <rPh sb="0" eb="2">
      <t>ケンリツ</t>
    </rPh>
    <rPh sb="2" eb="6">
      <t>オダワラキタ</t>
    </rPh>
    <phoneticPr fontId="4"/>
  </si>
  <si>
    <t>機械科・電気科</t>
    <rPh sb="0" eb="2">
      <t>キカイ</t>
    </rPh>
    <rPh sb="2" eb="3">
      <t>カ</t>
    </rPh>
    <rPh sb="4" eb="6">
      <t>デンキ</t>
    </rPh>
    <rPh sb="6" eb="7">
      <t>カ</t>
    </rPh>
    <phoneticPr fontId="4"/>
  </si>
  <si>
    <t>川崎市立川崎総合科学</t>
    <rPh sb="0" eb="4">
      <t>カワサキシリツ</t>
    </rPh>
    <rPh sb="4" eb="6">
      <t>カワサキ</t>
    </rPh>
    <rPh sb="6" eb="8">
      <t>ソウゴウ</t>
    </rPh>
    <rPh sb="8" eb="10">
      <t>カガク</t>
    </rPh>
    <phoneticPr fontId="4"/>
  </si>
  <si>
    <t>クリエイト工学科</t>
    <rPh sb="5" eb="8">
      <t>コウガッカ</t>
    </rPh>
    <phoneticPr fontId="4"/>
  </si>
  <si>
    <t>専門学科（商業に関する学科）</t>
    <rPh sb="5" eb="7">
      <t>ショウギョウ</t>
    </rPh>
    <rPh sb="8" eb="9">
      <t>カン</t>
    </rPh>
    <rPh sb="11" eb="13">
      <t>ガッカ</t>
    </rPh>
    <phoneticPr fontId="3"/>
  </si>
  <si>
    <t>商業科</t>
    <rPh sb="0" eb="2">
      <t>ショウギョウ</t>
    </rPh>
    <rPh sb="2" eb="3">
      <t>カ</t>
    </rPh>
    <phoneticPr fontId="4"/>
  </si>
  <si>
    <t>単位制　普通科</t>
    <rPh sb="0" eb="3">
      <t>タンイセイ</t>
    </rPh>
    <rPh sb="4" eb="7">
      <t>フツウカ</t>
    </rPh>
    <phoneticPr fontId="3"/>
  </si>
  <si>
    <t>県立神奈川工業</t>
    <rPh sb="5" eb="7">
      <t>コウギョウ</t>
    </rPh>
    <phoneticPr fontId="4"/>
  </si>
  <si>
    <t>県立湘南</t>
    <rPh sb="0" eb="2">
      <t>ケンリツ</t>
    </rPh>
    <rPh sb="2" eb="4">
      <t>ショウナン</t>
    </rPh>
    <phoneticPr fontId="4"/>
  </si>
  <si>
    <t>県立高浜</t>
    <rPh sb="0" eb="2">
      <t>ケンリツ</t>
    </rPh>
    <rPh sb="2" eb="4">
      <t>タカハマ</t>
    </rPh>
    <phoneticPr fontId="4"/>
  </si>
  <si>
    <t>普通科</t>
    <rPh sb="0" eb="3">
      <t>フツウカ</t>
    </rPh>
    <phoneticPr fontId="4"/>
  </si>
  <si>
    <t>県立小田原</t>
    <rPh sb="0" eb="2">
      <t>ケンリツ</t>
    </rPh>
    <rPh sb="2" eb="5">
      <t>オダワラ</t>
    </rPh>
    <phoneticPr fontId="4"/>
  </si>
  <si>
    <t>県立神奈川総合産業</t>
    <phoneticPr fontId="4"/>
  </si>
  <si>
    <t>単位制　総合学科</t>
    <rPh sb="0" eb="3">
      <t>タンイセイ</t>
    </rPh>
    <rPh sb="4" eb="6">
      <t>ソウゴウ</t>
    </rPh>
    <rPh sb="6" eb="8">
      <t>ガッカ</t>
    </rPh>
    <phoneticPr fontId="3"/>
  </si>
  <si>
    <t>横須賀市立横須賀総合</t>
    <rPh sb="0" eb="5">
      <t>ヨコスカシリツ</t>
    </rPh>
    <rPh sb="5" eb="8">
      <t>ヨコスカ</t>
    </rPh>
    <rPh sb="8" eb="10">
      <t>ソウゴウ</t>
    </rPh>
    <phoneticPr fontId="4"/>
  </si>
  <si>
    <t>総合学科</t>
    <rPh sb="0" eb="2">
      <t>ソウゴウ</t>
    </rPh>
    <rPh sb="2" eb="4">
      <t>ガッカ</t>
    </rPh>
    <phoneticPr fontId="4"/>
  </si>
  <si>
    <t>単位制　専門学科（工業に関する学科）</t>
    <rPh sb="0" eb="3">
      <t>タンイセイ</t>
    </rPh>
    <rPh sb="9" eb="11">
      <t>コウギョウ</t>
    </rPh>
    <rPh sb="12" eb="13">
      <t>カン</t>
    </rPh>
    <rPh sb="15" eb="17">
      <t>ガッカ</t>
    </rPh>
    <phoneticPr fontId="3"/>
  </si>
  <si>
    <t>県立神奈川工業</t>
    <rPh sb="0" eb="2">
      <t>ケンリツ</t>
    </rPh>
    <rPh sb="2" eb="5">
      <t>カナガワ</t>
    </rPh>
    <rPh sb="5" eb="7">
      <t>コウギョウ</t>
    </rPh>
    <phoneticPr fontId="3"/>
  </si>
  <si>
    <t>機械科</t>
    <rPh sb="0" eb="2">
      <t>キカイ</t>
    </rPh>
    <rPh sb="2" eb="3">
      <t>カ</t>
    </rPh>
    <phoneticPr fontId="4"/>
  </si>
  <si>
    <t>　　〃</t>
    <phoneticPr fontId="4"/>
  </si>
  <si>
    <t>電気科</t>
    <rPh sb="0" eb="2">
      <t>デンキ</t>
    </rPh>
    <rPh sb="2" eb="3">
      <t>カ</t>
    </rPh>
    <phoneticPr fontId="4"/>
  </si>
  <si>
    <t>建設科</t>
    <rPh sb="0" eb="2">
      <t>ケンセツ</t>
    </rPh>
    <rPh sb="2" eb="3">
      <t>カ</t>
    </rPh>
    <phoneticPr fontId="4"/>
  </si>
  <si>
    <t>　　計</t>
    <rPh sb="2" eb="3">
      <t>ケイ</t>
    </rPh>
    <phoneticPr fontId="4"/>
  </si>
  <si>
    <t>（通信制の課程）</t>
    <rPh sb="1" eb="3">
      <t>ツウシン</t>
    </rPh>
    <rPh sb="3" eb="4">
      <t>セイ</t>
    </rPh>
    <rPh sb="5" eb="7">
      <t>カテイ</t>
    </rPh>
    <phoneticPr fontId="4"/>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4"/>
  </si>
  <si>
    <t>県立厚木清南</t>
    <rPh sb="0" eb="2">
      <t>ケンリツ</t>
    </rPh>
    <rPh sb="2" eb="4">
      <t>アツギ</t>
    </rPh>
    <rPh sb="4" eb="5">
      <t>シン</t>
    </rPh>
    <rPh sb="5" eb="6">
      <t>ミナミ</t>
    </rPh>
    <phoneticPr fontId="3"/>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Red]\(#,##0\)"/>
    <numFmt numFmtId="177" formatCode="#,##0.00_ "/>
    <numFmt numFmtId="179" formatCode="0_ ;[Red]\-0\ "/>
    <numFmt numFmtId="180" formatCode="0_);[Red]\(0\)"/>
    <numFmt numFmtId="181" formatCode="0.00_ "/>
    <numFmt numFmtId="182" formatCode="0_ "/>
    <numFmt numFmtId="183" formatCode="0.00_ ;[Red]\-0.00\ "/>
    <numFmt numFmtId="184" formatCode="#,##0_ "/>
  </numFmts>
  <fonts count="14" x14ac:knownFonts="1">
    <font>
      <sz val="11"/>
      <name val="ＭＳ 明朝"/>
      <family val="1"/>
      <charset val="128"/>
    </font>
    <font>
      <sz val="11"/>
      <name val="ＭＳ 明朝"/>
      <family val="1"/>
      <charset val="128"/>
    </font>
    <font>
      <sz val="14"/>
      <color theme="1"/>
      <name val="ＭＳ Ｐ明朝"/>
      <family val="1"/>
      <charset val="128"/>
    </font>
    <font>
      <sz val="6"/>
      <name val="ＭＳ 明朝"/>
      <family val="1"/>
      <charset val="128"/>
    </font>
    <font>
      <sz val="6"/>
      <name val="ＭＳ Ｐ明朝"/>
      <family val="1"/>
      <charset val="128"/>
    </font>
    <font>
      <sz val="11"/>
      <color theme="1"/>
      <name val="ＭＳ Ｐ明朝"/>
      <family val="1"/>
      <charset val="128"/>
    </font>
    <font>
      <sz val="6"/>
      <name val="ＭＳ Ｐゴシック"/>
      <family val="3"/>
      <charset val="128"/>
    </font>
    <font>
      <sz val="12"/>
      <color theme="1"/>
      <name val="ＭＳ Ｐ明朝"/>
      <family val="1"/>
      <charset val="128"/>
    </font>
    <font>
      <sz val="11"/>
      <name val="ＭＳ Ｐゴシック"/>
      <family val="3"/>
      <charset val="128"/>
    </font>
    <font>
      <sz val="9"/>
      <color theme="1"/>
      <name val="ＭＳ Ｐ明朝"/>
      <family val="1"/>
      <charset val="128"/>
    </font>
    <font>
      <sz val="9"/>
      <name val="ＭＳ Ｐ明朝"/>
      <family val="1"/>
      <charset val="128"/>
    </font>
    <font>
      <sz val="10"/>
      <color theme="1"/>
      <name val="ＭＳ Ｐ明朝"/>
      <family val="1"/>
      <charset val="128"/>
    </font>
    <font>
      <b/>
      <sz val="11"/>
      <color theme="1"/>
      <name val="ＭＳ Ｐ明朝"/>
      <family val="1"/>
      <charset val="128"/>
    </font>
    <font>
      <strike/>
      <sz val="11"/>
      <color theme="1"/>
      <name val="ＭＳ Ｐ明朝"/>
      <family val="1"/>
      <charset val="128"/>
    </font>
  </fonts>
  <fills count="2">
    <fill>
      <patternFill patternType="none"/>
    </fill>
    <fill>
      <patternFill patternType="gray125"/>
    </fill>
  </fills>
  <borders count="2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right style="thin">
        <color indexed="64"/>
      </right>
      <top/>
      <bottom/>
      <diagonal/>
    </border>
    <border>
      <left/>
      <right style="hair">
        <color indexed="64"/>
      </right>
      <top/>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thin">
        <color indexed="64"/>
      </right>
      <top/>
      <bottom style="thin">
        <color indexed="64"/>
      </bottom>
      <diagonal/>
    </border>
    <border>
      <left/>
      <right style="thin">
        <color indexed="64"/>
      </right>
      <top/>
      <bottom style="thin">
        <color indexed="64"/>
      </bottom>
      <diagonal/>
    </border>
    <border>
      <left style="hair">
        <color indexed="64"/>
      </left>
      <right/>
      <top style="thin">
        <color indexed="64"/>
      </top>
      <bottom/>
      <diagonal/>
    </border>
    <border>
      <left style="thin">
        <color indexed="64"/>
      </left>
      <right/>
      <top style="hair">
        <color indexed="64"/>
      </top>
      <bottom/>
      <diagonal/>
    </border>
    <border>
      <left/>
      <right/>
      <top style="hair">
        <color indexed="64"/>
      </top>
      <bottom/>
      <diagonal/>
    </border>
    <border>
      <left style="hair">
        <color indexed="64"/>
      </left>
      <right/>
      <top/>
      <bottom style="hair">
        <color indexed="64"/>
      </bottom>
      <diagonal/>
    </border>
  </borders>
  <cellStyleXfs count="5">
    <xf numFmtId="0" fontId="0" fillId="0" borderId="0"/>
    <xf numFmtId="38" fontId="8" fillId="0" borderId="0" applyFont="0" applyFill="0" applyBorder="0" applyAlignment="0" applyProtection="0"/>
    <xf numFmtId="0" fontId="1" fillId="0" borderId="0"/>
    <xf numFmtId="0" fontId="1" fillId="0" borderId="0"/>
    <xf numFmtId="0" fontId="1" fillId="0" borderId="0"/>
  </cellStyleXfs>
  <cellXfs count="118">
    <xf numFmtId="0" fontId="0" fillId="0" borderId="0" xfId="0"/>
    <xf numFmtId="0" fontId="2" fillId="0" borderId="0" xfId="0" applyFont="1" applyAlignment="1">
      <alignment horizontal="left" wrapText="1"/>
    </xf>
    <xf numFmtId="0" fontId="2" fillId="0" borderId="0" xfId="0" applyFont="1" applyAlignment="1">
      <alignment horizontal="left"/>
    </xf>
    <xf numFmtId="0" fontId="5" fillId="0" borderId="0" xfId="0" applyFont="1"/>
    <xf numFmtId="176" fontId="5" fillId="0" borderId="0" xfId="0" applyNumberFormat="1" applyFont="1" applyAlignment="1">
      <alignment vertical="top"/>
    </xf>
    <xf numFmtId="0" fontId="5" fillId="0" borderId="0" xfId="0" applyFont="1" applyAlignment="1">
      <alignment vertical="top"/>
    </xf>
    <xf numFmtId="0" fontId="2" fillId="0" borderId="0" xfId="0" applyFont="1" applyAlignment="1">
      <alignment horizontal="left"/>
    </xf>
    <xf numFmtId="0" fontId="7" fillId="0" borderId="0" xfId="0" applyFont="1" applyAlignment="1">
      <alignment vertical="top"/>
    </xf>
    <xf numFmtId="0" fontId="5" fillId="0" borderId="0" xfId="2" applyFont="1"/>
    <xf numFmtId="176" fontId="5" fillId="0" borderId="0" xfId="0" applyNumberFormat="1" applyFont="1"/>
    <xf numFmtId="0" fontId="5" fillId="0" borderId="1" xfId="0" applyFont="1" applyBorder="1"/>
    <xf numFmtId="0" fontId="5" fillId="0" borderId="2" xfId="0" applyFont="1" applyBorder="1"/>
    <xf numFmtId="176" fontId="5" fillId="0" borderId="2" xfId="1" applyNumberFormat="1" applyFont="1" applyFill="1" applyBorder="1" applyAlignment="1">
      <alignment horizontal="center"/>
    </xf>
    <xf numFmtId="0" fontId="5" fillId="0" borderId="2" xfId="0" applyFont="1" applyBorder="1" applyAlignment="1">
      <alignment horizontal="center"/>
    </xf>
    <xf numFmtId="0" fontId="5" fillId="0" borderId="3" xfId="0" applyFont="1" applyBorder="1"/>
    <xf numFmtId="0" fontId="5" fillId="0" borderId="4" xfId="0" applyFont="1" applyBorder="1"/>
    <xf numFmtId="176" fontId="5" fillId="0" borderId="5" xfId="1" applyNumberFormat="1" applyFont="1" applyFill="1" applyBorder="1" applyAlignment="1">
      <alignment horizontal="center" vertical="center"/>
    </xf>
    <xf numFmtId="176" fontId="9" fillId="0" borderId="5" xfId="0" applyNumberFormat="1" applyFont="1" applyBorder="1" applyAlignment="1">
      <alignment horizontal="center" vertical="center" shrinkToFit="1"/>
    </xf>
    <xf numFmtId="56" fontId="10" fillId="0" borderId="5" xfId="0" applyNumberFormat="1" applyFont="1" applyBorder="1" applyAlignment="1">
      <alignment horizontal="center"/>
    </xf>
    <xf numFmtId="56" fontId="5" fillId="0" borderId="6" xfId="0" applyNumberFormat="1" applyFont="1" applyBorder="1" applyAlignment="1">
      <alignment horizontal="center" vertical="center"/>
    </xf>
    <xf numFmtId="56" fontId="11" fillId="0" borderId="7" xfId="3" applyNumberFormat="1" applyFont="1" applyBorder="1" applyAlignment="1">
      <alignment horizontal="centerContinuous" vertical="center" shrinkToFit="1"/>
    </xf>
    <xf numFmtId="0" fontId="5" fillId="0" borderId="7" xfId="3" applyFont="1" applyBorder="1" applyAlignment="1">
      <alignment horizontal="centerContinuous" vertical="center"/>
    </xf>
    <xf numFmtId="56" fontId="5" fillId="0" borderId="5" xfId="0" applyNumberFormat="1" applyFont="1" applyBorder="1" applyAlignment="1">
      <alignment horizontal="center" vertical="center"/>
    </xf>
    <xf numFmtId="56" fontId="5" fillId="0" borderId="8" xfId="0" applyNumberFormat="1" applyFont="1" applyBorder="1" applyAlignment="1">
      <alignment horizontal="centerContinuous" vertical="center"/>
    </xf>
    <xf numFmtId="176" fontId="5" fillId="0" borderId="10" xfId="1" applyNumberFormat="1" applyFont="1" applyFill="1" applyBorder="1" applyAlignment="1">
      <alignment horizontal="center" vertical="center"/>
    </xf>
    <xf numFmtId="176" fontId="5" fillId="0" borderId="10" xfId="0" applyNumberFormat="1" applyFont="1" applyBorder="1" applyAlignment="1">
      <alignment horizontal="center" vertical="center"/>
    </xf>
    <xf numFmtId="176" fontId="10" fillId="0" borderId="10" xfId="0" applyNumberFormat="1" applyFont="1" applyBorder="1" applyAlignment="1">
      <alignment horizontal="center" vertical="center"/>
    </xf>
    <xf numFmtId="0" fontId="5" fillId="0" borderId="11" xfId="0" applyFont="1" applyBorder="1" applyAlignment="1">
      <alignment horizontal="center" vertical="center"/>
    </xf>
    <xf numFmtId="0" fontId="11" fillId="0" borderId="5" xfId="3" applyFont="1" applyBorder="1" applyAlignment="1">
      <alignment horizontal="center" vertical="center"/>
    </xf>
    <xf numFmtId="0" fontId="5" fillId="0" borderId="5" xfId="3" applyFont="1" applyBorder="1" applyAlignment="1">
      <alignment horizontal="centerContinuous" vertical="center"/>
    </xf>
    <xf numFmtId="0" fontId="5" fillId="0" borderId="10" xfId="0" applyFont="1" applyBorder="1" applyAlignment="1">
      <alignment horizontal="center" vertical="center"/>
    </xf>
    <xf numFmtId="0" fontId="5" fillId="0" borderId="12" xfId="0" applyFont="1" applyBorder="1" applyAlignment="1">
      <alignment horizontal="center" vertical="center"/>
    </xf>
    <xf numFmtId="0" fontId="5" fillId="0" borderId="0" xfId="0" applyFont="1" applyAlignment="1">
      <alignment horizontal="center"/>
    </xf>
    <xf numFmtId="0" fontId="5" fillId="0" borderId="14" xfId="0" applyFont="1" applyBorder="1" applyAlignment="1">
      <alignment horizontal="center"/>
    </xf>
    <xf numFmtId="176" fontId="10" fillId="0" borderId="10" xfId="0" applyNumberFormat="1" applyFont="1" applyBorder="1" applyAlignment="1">
      <alignment horizontal="center" vertical="center" shrinkToFit="1"/>
    </xf>
    <xf numFmtId="0" fontId="11" fillId="0" borderId="10" xfId="3" applyFont="1" applyBorder="1" applyAlignment="1">
      <alignment horizontal="center" vertical="center"/>
    </xf>
    <xf numFmtId="0" fontId="5" fillId="0" borderId="10" xfId="0" applyFont="1" applyBorder="1" applyAlignment="1">
      <alignment horizontal="centerContinuous" vertical="center"/>
    </xf>
    <xf numFmtId="0" fontId="5" fillId="0" borderId="15" xfId="0" applyFont="1" applyBorder="1"/>
    <xf numFmtId="0" fontId="5" fillId="0" borderId="16" xfId="0" applyFont="1" applyBorder="1" applyAlignment="1">
      <alignment horizontal="center"/>
    </xf>
    <xf numFmtId="0" fontId="5" fillId="0" borderId="17" xfId="0" applyFont="1" applyBorder="1" applyAlignment="1">
      <alignment horizontal="center"/>
    </xf>
    <xf numFmtId="176" fontId="5" fillId="0" borderId="18" xfId="1" applyNumberFormat="1" applyFont="1" applyFill="1" applyBorder="1" applyAlignment="1">
      <alignment horizontal="center" vertical="center"/>
    </xf>
    <xf numFmtId="0" fontId="5" fillId="0" borderId="18" xfId="0" applyFont="1" applyBorder="1" applyAlignment="1">
      <alignment vertical="center"/>
    </xf>
    <xf numFmtId="0" fontId="5" fillId="0" borderId="19" xfId="0" applyFont="1" applyBorder="1" applyAlignment="1">
      <alignment horizontal="center" vertical="center"/>
    </xf>
    <xf numFmtId="0" fontId="5" fillId="0" borderId="18" xfId="3" applyFont="1" applyBorder="1" applyAlignment="1">
      <alignment vertical="center"/>
    </xf>
    <xf numFmtId="0" fontId="5" fillId="0" borderId="18" xfId="3" applyFont="1" applyBorder="1" applyAlignment="1">
      <alignment horizontal="center" vertical="center"/>
    </xf>
    <xf numFmtId="0" fontId="5" fillId="0" borderId="20" xfId="0" applyFont="1" applyBorder="1" applyAlignment="1">
      <alignment horizontal="center" vertical="center"/>
    </xf>
    <xf numFmtId="176" fontId="5" fillId="0" borderId="22" xfId="1" applyNumberFormat="1" applyFont="1" applyFill="1" applyBorder="1" applyAlignment="1">
      <alignment horizontal="center"/>
    </xf>
    <xf numFmtId="176" fontId="5" fillId="0" borderId="11" xfId="0" applyNumberFormat="1" applyFont="1" applyBorder="1"/>
    <xf numFmtId="179" fontId="5" fillId="0" borderId="0" xfId="0" applyNumberFormat="1" applyFont="1" applyAlignment="1">
      <alignment horizontal="right"/>
    </xf>
    <xf numFmtId="180" fontId="5" fillId="0" borderId="0" xfId="4" applyNumberFormat="1" applyFont="1" applyAlignment="1">
      <alignment horizontal="right"/>
    </xf>
    <xf numFmtId="181" fontId="5" fillId="0" borderId="13" xfId="0" applyNumberFormat="1" applyFont="1" applyBorder="1" applyAlignment="1">
      <alignment horizontal="right"/>
    </xf>
    <xf numFmtId="0" fontId="12" fillId="0" borderId="0" xfId="0" applyFont="1" applyAlignment="1">
      <alignment horizontal="center"/>
    </xf>
    <xf numFmtId="182" fontId="5" fillId="0" borderId="0" xfId="0" applyNumberFormat="1" applyFont="1"/>
    <xf numFmtId="181" fontId="5" fillId="0" borderId="13" xfId="0" applyNumberFormat="1" applyFont="1" applyBorder="1"/>
    <xf numFmtId="0" fontId="5" fillId="0" borderId="23" xfId="0" applyFont="1" applyBorder="1"/>
    <xf numFmtId="0" fontId="12" fillId="0" borderId="24" xfId="0" applyFont="1" applyBorder="1" applyAlignment="1">
      <alignment horizontal="center"/>
    </xf>
    <xf numFmtId="176" fontId="5" fillId="0" borderId="6" xfId="0" applyNumberFormat="1" applyFont="1" applyBorder="1"/>
    <xf numFmtId="176" fontId="5" fillId="0" borderId="24" xfId="0" applyNumberFormat="1" applyFont="1" applyBorder="1"/>
    <xf numFmtId="179" fontId="5" fillId="0" borderId="24" xfId="0" applyNumberFormat="1" applyFont="1" applyBorder="1" applyAlignment="1">
      <alignment horizontal="right"/>
    </xf>
    <xf numFmtId="182" fontId="5" fillId="0" borderId="24" xfId="0" applyNumberFormat="1" applyFont="1" applyBorder="1"/>
    <xf numFmtId="181" fontId="5" fillId="0" borderId="9" xfId="0" applyNumberFormat="1" applyFont="1" applyBorder="1"/>
    <xf numFmtId="0" fontId="12" fillId="0" borderId="4" xfId="0" applyFont="1" applyBorder="1"/>
    <xf numFmtId="0" fontId="12" fillId="0" borderId="0" xfId="0" applyFont="1" applyAlignment="1">
      <alignment horizontal="center"/>
    </xf>
    <xf numFmtId="0" fontId="12" fillId="0" borderId="14" xfId="0" applyFont="1" applyBorder="1" applyAlignment="1">
      <alignment horizontal="center"/>
    </xf>
    <xf numFmtId="176" fontId="12" fillId="0" borderId="11" xfId="0" applyNumberFormat="1" applyFont="1" applyBorder="1"/>
    <xf numFmtId="176" fontId="12" fillId="0" borderId="0" xfId="0" applyNumberFormat="1" applyFont="1"/>
    <xf numFmtId="181" fontId="12" fillId="0" borderId="13" xfId="0" applyNumberFormat="1" applyFont="1" applyBorder="1" applyAlignment="1">
      <alignment horizontal="right"/>
    </xf>
    <xf numFmtId="0" fontId="12" fillId="0" borderId="0" xfId="0" applyFont="1"/>
    <xf numFmtId="0" fontId="12" fillId="0" borderId="16" xfId="0" applyFont="1" applyBorder="1" applyAlignment="1">
      <alignment horizontal="center"/>
    </xf>
    <xf numFmtId="176" fontId="5" fillId="0" borderId="19" xfId="0" applyNumberFormat="1" applyFont="1" applyBorder="1"/>
    <xf numFmtId="176" fontId="5" fillId="0" borderId="16" xfId="0" applyNumberFormat="1" applyFont="1" applyBorder="1"/>
    <xf numFmtId="179" fontId="5" fillId="0" borderId="16" xfId="0" applyNumberFormat="1" applyFont="1" applyBorder="1" applyAlignment="1">
      <alignment horizontal="right"/>
    </xf>
    <xf numFmtId="176" fontId="5" fillId="0" borderId="21" xfId="0" applyNumberFormat="1" applyFont="1" applyBorder="1"/>
    <xf numFmtId="56" fontId="5" fillId="0" borderId="5" xfId="4" applyNumberFormat="1" applyFont="1" applyBorder="1" applyAlignment="1">
      <alignment horizontal="centerContinuous" vertical="center"/>
    </xf>
    <xf numFmtId="0" fontId="5" fillId="0" borderId="5" xfId="4" applyFont="1" applyBorder="1" applyAlignment="1">
      <alignment horizontal="centerContinuous" vertical="center"/>
    </xf>
    <xf numFmtId="0" fontId="5" fillId="0" borderId="10" xfId="4" applyFont="1" applyBorder="1" applyAlignment="1">
      <alignment horizontal="centerContinuous" vertical="center"/>
    </xf>
    <xf numFmtId="0" fontId="5" fillId="0" borderId="0" xfId="4" applyFont="1" applyAlignment="1">
      <alignment horizontal="centerContinuous" vertical="center"/>
    </xf>
    <xf numFmtId="0" fontId="5" fillId="0" borderId="14" xfId="4" applyFont="1" applyBorder="1" applyAlignment="1">
      <alignment horizontal="centerContinuous" vertical="center"/>
    </xf>
    <xf numFmtId="0" fontId="5" fillId="0" borderId="19" xfId="4" applyFont="1" applyBorder="1" applyAlignment="1">
      <alignment horizontal="center" vertical="center"/>
    </xf>
    <xf numFmtId="0" fontId="5" fillId="0" borderId="16" xfId="4" applyFont="1" applyBorder="1" applyAlignment="1">
      <alignment horizontal="center" vertical="center"/>
    </xf>
    <xf numFmtId="0" fontId="5" fillId="0" borderId="17" xfId="4" applyFont="1" applyBorder="1" applyAlignment="1">
      <alignment horizontal="center" vertical="center"/>
    </xf>
    <xf numFmtId="0" fontId="5" fillId="0" borderId="13" xfId="0" applyFont="1" applyBorder="1"/>
    <xf numFmtId="183" fontId="5" fillId="0" borderId="13" xfId="0" applyNumberFormat="1" applyFont="1" applyBorder="1" applyAlignment="1">
      <alignment horizontal="right"/>
    </xf>
    <xf numFmtId="176" fontId="5" fillId="0" borderId="0" xfId="0" applyNumberFormat="1" applyFont="1" applyAlignment="1">
      <alignment horizontal="right"/>
    </xf>
    <xf numFmtId="177" fontId="5" fillId="0" borderId="13" xfId="0" applyNumberFormat="1" applyFont="1" applyBorder="1" applyAlignment="1">
      <alignment horizontal="right"/>
    </xf>
    <xf numFmtId="184" fontId="5" fillId="0" borderId="0" xfId="0" applyNumberFormat="1" applyFont="1"/>
    <xf numFmtId="177" fontId="5" fillId="0" borderId="13" xfId="0" applyNumberFormat="1" applyFont="1" applyBorder="1"/>
    <xf numFmtId="184" fontId="5" fillId="0" borderId="24" xfId="0" applyNumberFormat="1" applyFont="1" applyBorder="1"/>
    <xf numFmtId="177" fontId="5" fillId="0" borderId="9" xfId="0" applyNumberFormat="1" applyFont="1" applyBorder="1"/>
    <xf numFmtId="176" fontId="12" fillId="0" borderId="0" xfId="0" applyNumberFormat="1" applyFont="1" applyAlignment="1">
      <alignment horizontal="right"/>
    </xf>
    <xf numFmtId="177" fontId="12" fillId="0" borderId="13" xfId="0" applyNumberFormat="1" applyFont="1" applyBorder="1" applyAlignment="1">
      <alignment horizontal="right"/>
    </xf>
    <xf numFmtId="0" fontId="11" fillId="0" borderId="0" xfId="0" applyFont="1"/>
    <xf numFmtId="0" fontId="5" fillId="0" borderId="0" xfId="0" applyFont="1" applyAlignment="1">
      <alignment vertical="center"/>
    </xf>
    <xf numFmtId="0" fontId="5" fillId="0" borderId="0" xfId="0" applyFont="1" applyAlignment="1">
      <alignment wrapText="1"/>
    </xf>
    <xf numFmtId="0" fontId="5" fillId="0" borderId="0" xfId="0" applyFont="1" applyAlignment="1">
      <alignment shrinkToFit="1"/>
    </xf>
    <xf numFmtId="179" fontId="12" fillId="0" borderId="0" xfId="0" applyNumberFormat="1" applyFont="1" applyAlignment="1">
      <alignment horizontal="right"/>
    </xf>
    <xf numFmtId="183" fontId="12" fillId="0" borderId="13" xfId="0" applyNumberFormat="1" applyFont="1" applyBorder="1" applyAlignment="1">
      <alignment horizontal="right"/>
    </xf>
    <xf numFmtId="0" fontId="5" fillId="0" borderId="0" xfId="3" applyFont="1"/>
    <xf numFmtId="0" fontId="5" fillId="0" borderId="1" xfId="3" applyFont="1" applyBorder="1"/>
    <xf numFmtId="0" fontId="5" fillId="0" borderId="2" xfId="3" applyFont="1" applyBorder="1"/>
    <xf numFmtId="0" fontId="5" fillId="0" borderId="4" xfId="3" applyFont="1" applyBorder="1"/>
    <xf numFmtId="0" fontId="5" fillId="0" borderId="0" xfId="3" applyFont="1" applyAlignment="1">
      <alignment horizontal="center"/>
    </xf>
    <xf numFmtId="0" fontId="5" fillId="0" borderId="14" xfId="3" applyFont="1" applyBorder="1" applyAlignment="1">
      <alignment horizontal="center"/>
    </xf>
    <xf numFmtId="0" fontId="5" fillId="0" borderId="15" xfId="3" applyFont="1" applyBorder="1"/>
    <xf numFmtId="0" fontId="5" fillId="0" borderId="16" xfId="3" applyFont="1" applyBorder="1" applyAlignment="1">
      <alignment horizontal="center"/>
    </xf>
    <xf numFmtId="0" fontId="5" fillId="0" borderId="17" xfId="3" applyFont="1" applyBorder="1" applyAlignment="1">
      <alignment horizontal="center"/>
    </xf>
    <xf numFmtId="0" fontId="5" fillId="0" borderId="2" xfId="3" applyFont="1" applyBorder="1" applyAlignment="1">
      <alignment horizontal="center"/>
    </xf>
    <xf numFmtId="0" fontId="12" fillId="0" borderId="0" xfId="3" applyFont="1" applyAlignment="1">
      <alignment horizontal="center"/>
    </xf>
    <xf numFmtId="0" fontId="5" fillId="0" borderId="25" xfId="0" applyFont="1" applyBorder="1"/>
    <xf numFmtId="0" fontId="5" fillId="0" borderId="23" xfId="3" applyFont="1" applyBorder="1"/>
    <xf numFmtId="0" fontId="5" fillId="0" borderId="24" xfId="3" applyFont="1" applyBorder="1"/>
    <xf numFmtId="0" fontId="12" fillId="0" borderId="24" xfId="3" applyFont="1" applyBorder="1" applyAlignment="1">
      <alignment horizontal="center"/>
    </xf>
    <xf numFmtId="0" fontId="5" fillId="0" borderId="11" xfId="0" applyFont="1" applyBorder="1"/>
    <xf numFmtId="0" fontId="12" fillId="0" borderId="0" xfId="3" applyFont="1" applyAlignment="1">
      <alignment horizontal="center"/>
    </xf>
    <xf numFmtId="0" fontId="12" fillId="0" borderId="14" xfId="3" applyFont="1" applyBorder="1" applyAlignment="1">
      <alignment horizontal="center"/>
    </xf>
    <xf numFmtId="0" fontId="5" fillId="0" borderId="16" xfId="3" applyFont="1" applyBorder="1"/>
    <xf numFmtId="0" fontId="13" fillId="0" borderId="2" xfId="3" applyFont="1" applyBorder="1" applyAlignment="1">
      <alignment horizontal="left" vertical="top" wrapText="1"/>
    </xf>
    <xf numFmtId="0" fontId="13" fillId="0" borderId="0" xfId="3" applyFont="1" applyAlignment="1">
      <alignment horizontal="left" vertical="top" wrapText="1"/>
    </xf>
  </cellXfs>
  <cellStyles count="5">
    <cellStyle name="桁区切り" xfId="1" builtinId="6"/>
    <cellStyle name="標準" xfId="0" builtinId="0"/>
    <cellStyle name="標準_H22後期志願枠組み（定）" xfId="2" xr:uid="{24600728-698D-49F4-92F6-F2C76449C4D1}"/>
    <cellStyle name="標準_H22後期枠組み" xfId="4" xr:uid="{81577273-B0A9-4B48-B50A-7B925E571CFF}"/>
    <cellStyle name="標準_H22前期枠組み" xfId="3" xr:uid="{96A4BA2A-63C9-4E4D-AA72-1F5B1BEAFF2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11</xdr:col>
      <xdr:colOff>245410</xdr:colOff>
      <xdr:row>0</xdr:row>
      <xdr:rowOff>47320</xdr:rowOff>
    </xdr:from>
    <xdr:ext cx="912396" cy="359073"/>
    <xdr:sp macro="" textlink="">
      <xdr:nvSpPr>
        <xdr:cNvPr id="2" name="テキスト ボックス 1">
          <a:extLst>
            <a:ext uri="{FF2B5EF4-FFF2-40B4-BE49-F238E27FC236}">
              <a16:creationId xmlns:a16="http://schemas.microsoft.com/office/drawing/2014/main" id="{47BD909E-F9C9-4752-BF25-99ACB95C974C}"/>
            </a:ext>
          </a:extLst>
        </xdr:cNvPr>
        <xdr:cNvSpPr txBox="1"/>
      </xdr:nvSpPr>
      <xdr:spPr>
        <a:xfrm>
          <a:off x="7808260" y="47320"/>
          <a:ext cx="912396" cy="359073"/>
        </a:xfrm>
        <a:prstGeom prst="rect">
          <a:avLst/>
        </a:prstGeom>
        <a:noFill/>
        <a:ln>
          <a:solidFill>
            <a:schemeClr val="tx1"/>
          </a:solidFill>
          <a:prstDash val="solid"/>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spAutoFit/>
        </a:bodyPr>
        <a:lstStyle/>
        <a:p>
          <a:pPr algn="ctr"/>
          <a:r>
            <a:rPr kumimoji="1" lang="ja-JP" altLang="en-US" sz="1600">
              <a:latin typeface="ＭＳ 明朝" panose="02020609040205080304" pitchFamily="17" charset="-128"/>
              <a:ea typeface="ＭＳ 明朝" panose="02020609040205080304" pitchFamily="17" charset="-128"/>
            </a:rPr>
            <a:t>別紙２</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9E050C-A345-44C7-A614-24F9FAEA29E1}">
  <dimension ref="A1:M104"/>
  <sheetViews>
    <sheetView tabSelected="1" view="pageBreakPreview" zoomScale="85" zoomScaleNormal="85" zoomScaleSheetLayoutView="85" workbookViewId="0">
      <selection sqref="A1:L2"/>
    </sheetView>
  </sheetViews>
  <sheetFormatPr defaultColWidth="9" defaultRowHeight="13.5" x14ac:dyDescent="0.15"/>
  <cols>
    <col min="1" max="1" width="1.5" style="3" customWidth="1"/>
    <col min="2" max="2" width="1.25" style="3" customWidth="1"/>
    <col min="3" max="3" width="22.625" style="3" customWidth="1"/>
    <col min="4" max="4" width="19.875" style="3" bestFit="1" customWidth="1"/>
    <col min="5" max="5" width="8" style="3" bestFit="1" customWidth="1"/>
    <col min="6" max="6" width="9.375" style="3" bestFit="1" customWidth="1"/>
    <col min="7" max="7" width="10" style="3" bestFit="1" customWidth="1"/>
    <col min="8" max="8" width="9.375" style="3" bestFit="1" customWidth="1"/>
    <col min="9" max="10" width="5.125" style="3" bestFit="1" customWidth="1"/>
    <col min="11" max="11" width="7" style="3" customWidth="1"/>
    <col min="12" max="13" width="9.125" style="3" customWidth="1"/>
    <col min="14" max="16384" width="9" style="3"/>
  </cols>
  <sheetData>
    <row r="1" spans="1:13" ht="18.600000000000001" customHeight="1" x14ac:dyDescent="0.15">
      <c r="A1" s="1" t="s">
        <v>0</v>
      </c>
      <c r="B1" s="2"/>
      <c r="C1" s="2"/>
      <c r="D1" s="2"/>
      <c r="E1" s="2"/>
      <c r="F1" s="2"/>
      <c r="G1" s="2"/>
      <c r="H1" s="2"/>
      <c r="I1" s="2"/>
      <c r="J1" s="2"/>
      <c r="K1" s="2"/>
      <c r="L1" s="2"/>
    </row>
    <row r="2" spans="1:13" s="5" customFormat="1" ht="24.6" customHeight="1" x14ac:dyDescent="0.15">
      <c r="A2" s="2"/>
      <c r="B2" s="2"/>
      <c r="C2" s="2"/>
      <c r="D2" s="2"/>
      <c r="E2" s="2"/>
      <c r="F2" s="2"/>
      <c r="G2" s="2"/>
      <c r="H2" s="2"/>
      <c r="I2" s="2"/>
      <c r="J2" s="2"/>
      <c r="K2" s="2"/>
      <c r="L2" s="2"/>
      <c r="M2" s="4"/>
    </row>
    <row r="3" spans="1:13" s="5" customFormat="1" ht="24.6" customHeight="1" x14ac:dyDescent="0.2">
      <c r="A3" s="6"/>
      <c r="B3" s="3" t="s">
        <v>1</v>
      </c>
      <c r="C3" s="6"/>
      <c r="D3" s="6"/>
      <c r="E3" s="6"/>
      <c r="F3" s="6"/>
      <c r="G3" s="6"/>
      <c r="H3" s="6"/>
      <c r="I3" s="6"/>
      <c r="J3" s="6"/>
      <c r="K3" s="6"/>
      <c r="L3" s="6"/>
      <c r="M3" s="4"/>
    </row>
    <row r="4" spans="1:13" s="5" customFormat="1" ht="13.9" customHeight="1" x14ac:dyDescent="0.2">
      <c r="A4" s="6"/>
      <c r="B4" s="3" t="s">
        <v>2</v>
      </c>
      <c r="C4" s="6"/>
      <c r="D4" s="6"/>
      <c r="E4" s="6"/>
      <c r="F4" s="6"/>
      <c r="G4" s="6"/>
      <c r="H4" s="6"/>
      <c r="I4" s="6"/>
      <c r="J4" s="6"/>
      <c r="K4" s="6"/>
      <c r="L4" s="6"/>
      <c r="M4" s="4"/>
    </row>
    <row r="5" spans="1:13" s="5" customFormat="1" ht="7.15" customHeight="1" x14ac:dyDescent="0.15">
      <c r="A5" s="7"/>
      <c r="C5" s="7"/>
      <c r="E5" s="4"/>
      <c r="F5" s="4"/>
      <c r="G5" s="4"/>
      <c r="H5" s="4"/>
      <c r="I5" s="4"/>
      <c r="J5" s="4"/>
      <c r="L5" s="4"/>
      <c r="M5" s="4"/>
    </row>
    <row r="6" spans="1:13" x14ac:dyDescent="0.15">
      <c r="B6" s="8" t="s">
        <v>3</v>
      </c>
      <c r="E6" s="9"/>
      <c r="F6" s="9"/>
      <c r="G6" s="9"/>
      <c r="H6" s="9"/>
      <c r="I6" s="9"/>
      <c r="J6" s="9"/>
      <c r="L6" s="9"/>
      <c r="M6" s="9"/>
    </row>
    <row r="7" spans="1:13" x14ac:dyDescent="0.15">
      <c r="B7" s="3" t="s">
        <v>4</v>
      </c>
      <c r="E7" s="9"/>
      <c r="F7" s="9"/>
      <c r="G7" s="9"/>
      <c r="H7" s="9"/>
      <c r="I7" s="9"/>
      <c r="J7" s="9"/>
      <c r="L7" s="9"/>
      <c r="M7" s="9"/>
    </row>
    <row r="8" spans="1:13" ht="7.5" customHeight="1" x14ac:dyDescent="0.15">
      <c r="B8" s="10"/>
      <c r="C8" s="11"/>
      <c r="D8" s="11"/>
      <c r="E8" s="12"/>
      <c r="F8" s="11"/>
      <c r="G8" s="11"/>
      <c r="H8" s="11"/>
      <c r="I8" s="11"/>
      <c r="J8" s="11"/>
      <c r="K8" s="13"/>
      <c r="L8" s="11"/>
      <c r="M8" s="14"/>
    </row>
    <row r="9" spans="1:13" ht="15.75" customHeight="1" x14ac:dyDescent="0.15">
      <c r="B9" s="15"/>
      <c r="E9" s="16" t="s">
        <v>5</v>
      </c>
      <c r="F9" s="17" t="s">
        <v>6</v>
      </c>
      <c r="G9" s="18" t="s">
        <v>7</v>
      </c>
      <c r="H9" s="19"/>
      <c r="I9" s="20" t="s">
        <v>8</v>
      </c>
      <c r="J9" s="21"/>
      <c r="K9" s="21"/>
      <c r="L9" s="22" t="s">
        <v>9</v>
      </c>
      <c r="M9" s="23"/>
    </row>
    <row r="10" spans="1:13" ht="14.25" customHeight="1" x14ac:dyDescent="0.15">
      <c r="B10" s="15"/>
      <c r="C10" s="3" t="s">
        <v>10</v>
      </c>
      <c r="D10" s="3" t="s">
        <v>11</v>
      </c>
      <c r="E10" s="24" t="s">
        <v>12</v>
      </c>
      <c r="F10" s="25" t="s">
        <v>13</v>
      </c>
      <c r="G10" s="26" t="s">
        <v>14</v>
      </c>
      <c r="H10" s="27" t="s">
        <v>15</v>
      </c>
      <c r="I10" s="28" t="s">
        <v>16</v>
      </c>
      <c r="J10" s="28" t="s">
        <v>16</v>
      </c>
      <c r="K10" s="29" t="s">
        <v>17</v>
      </c>
      <c r="L10" s="30" t="s">
        <v>18</v>
      </c>
      <c r="M10" s="31" t="s">
        <v>19</v>
      </c>
    </row>
    <row r="11" spans="1:13" ht="14.25" customHeight="1" x14ac:dyDescent="0.15">
      <c r="B11" s="15"/>
      <c r="C11" s="32"/>
      <c r="D11" s="33"/>
      <c r="E11" s="24"/>
      <c r="F11" s="25"/>
      <c r="G11" s="34" t="s">
        <v>20</v>
      </c>
      <c r="H11" s="25" t="s">
        <v>21</v>
      </c>
      <c r="I11" s="35" t="s">
        <v>22</v>
      </c>
      <c r="J11" s="35" t="s">
        <v>23</v>
      </c>
      <c r="K11" s="27" t="s">
        <v>24</v>
      </c>
      <c r="L11" s="36" t="s">
        <v>25</v>
      </c>
      <c r="M11" s="31" t="s">
        <v>26</v>
      </c>
    </row>
    <row r="12" spans="1:13" ht="7.5" customHeight="1" x14ac:dyDescent="0.15">
      <c r="B12" s="37"/>
      <c r="C12" s="38"/>
      <c r="D12" s="39"/>
      <c r="E12" s="40"/>
      <c r="F12" s="41"/>
      <c r="G12" s="41"/>
      <c r="H12" s="42"/>
      <c r="I12" s="43"/>
      <c r="J12" s="43"/>
      <c r="K12" s="44"/>
      <c r="L12" s="42"/>
      <c r="M12" s="45"/>
    </row>
    <row r="13" spans="1:13" ht="7.5" customHeight="1" x14ac:dyDescent="0.15">
      <c r="B13" s="10"/>
      <c r="C13" s="13"/>
      <c r="D13" s="13"/>
      <c r="E13" s="46"/>
      <c r="F13" s="11"/>
      <c r="G13" s="11"/>
      <c r="H13" s="11"/>
      <c r="I13" s="11"/>
      <c r="J13" s="11"/>
      <c r="K13" s="13"/>
      <c r="L13" s="11"/>
      <c r="M13" s="14"/>
    </row>
    <row r="14" spans="1:13" ht="14.25" customHeight="1" x14ac:dyDescent="0.15">
      <c r="B14" s="15"/>
      <c r="C14" s="3" t="s">
        <v>27</v>
      </c>
      <c r="D14" s="3" t="s">
        <v>28</v>
      </c>
      <c r="E14" s="47">
        <v>70</v>
      </c>
      <c r="F14" s="48">
        <v>57</v>
      </c>
      <c r="G14" s="48">
        <v>0</v>
      </c>
      <c r="H14" s="48">
        <v>4</v>
      </c>
      <c r="I14" s="49" t="s">
        <v>29</v>
      </c>
      <c r="J14" s="49" t="s">
        <v>29</v>
      </c>
      <c r="K14" s="48">
        <v>4</v>
      </c>
      <c r="L14" s="48">
        <v>0</v>
      </c>
      <c r="M14" s="50">
        <v>1</v>
      </c>
    </row>
    <row r="15" spans="1:13" ht="13.9" customHeight="1" x14ac:dyDescent="0.15">
      <c r="B15" s="15"/>
      <c r="C15" s="3" t="s">
        <v>30</v>
      </c>
      <c r="D15" s="3" t="s">
        <v>28</v>
      </c>
      <c r="E15" s="47">
        <v>70</v>
      </c>
      <c r="F15" s="48">
        <v>59</v>
      </c>
      <c r="G15" s="48">
        <v>0</v>
      </c>
      <c r="H15" s="48">
        <v>0</v>
      </c>
      <c r="I15" s="49" t="s">
        <v>31</v>
      </c>
      <c r="J15" s="49" t="s">
        <v>31</v>
      </c>
      <c r="K15" s="48">
        <v>0</v>
      </c>
      <c r="L15" s="48">
        <v>0</v>
      </c>
      <c r="M15" s="50" t="s">
        <v>68</v>
      </c>
    </row>
    <row r="16" spans="1:13" ht="14.25" customHeight="1" x14ac:dyDescent="0.15">
      <c r="B16" s="15"/>
      <c r="C16" s="3" t="s">
        <v>32</v>
      </c>
      <c r="D16" s="3" t="s">
        <v>28</v>
      </c>
      <c r="E16" s="47">
        <v>70</v>
      </c>
      <c r="F16" s="48">
        <v>57</v>
      </c>
      <c r="G16" s="48">
        <v>0</v>
      </c>
      <c r="H16" s="48">
        <v>1</v>
      </c>
      <c r="I16" s="49" t="s">
        <v>31</v>
      </c>
      <c r="J16" s="49" t="s">
        <v>31</v>
      </c>
      <c r="K16" s="48">
        <v>1</v>
      </c>
      <c r="L16" s="48">
        <v>0</v>
      </c>
      <c r="M16" s="50">
        <v>1</v>
      </c>
    </row>
    <row r="17" spans="2:13" ht="14.25" customHeight="1" x14ac:dyDescent="0.15">
      <c r="B17" s="15"/>
      <c r="C17" s="3" t="s">
        <v>33</v>
      </c>
      <c r="D17" s="3" t="s">
        <v>28</v>
      </c>
      <c r="E17" s="47">
        <v>70</v>
      </c>
      <c r="F17" s="48">
        <v>65</v>
      </c>
      <c r="G17" s="48">
        <v>0</v>
      </c>
      <c r="H17" s="48">
        <v>1</v>
      </c>
      <c r="I17" s="49" t="s">
        <v>31</v>
      </c>
      <c r="J17" s="49" t="s">
        <v>31</v>
      </c>
      <c r="K17" s="48">
        <v>1</v>
      </c>
      <c r="L17" s="48">
        <v>0</v>
      </c>
      <c r="M17" s="50">
        <v>1</v>
      </c>
    </row>
    <row r="18" spans="2:13" ht="21.75" customHeight="1" x14ac:dyDescent="0.15">
      <c r="B18" s="15"/>
      <c r="C18" s="3" t="s">
        <v>34</v>
      </c>
      <c r="D18" s="3" t="s">
        <v>28</v>
      </c>
      <c r="E18" s="47">
        <v>140</v>
      </c>
      <c r="F18" s="48">
        <v>115</v>
      </c>
      <c r="G18" s="48">
        <v>0</v>
      </c>
      <c r="H18" s="48">
        <v>2</v>
      </c>
      <c r="I18" s="49" t="s">
        <v>31</v>
      </c>
      <c r="J18" s="49" t="s">
        <v>31</v>
      </c>
      <c r="K18" s="48">
        <v>2</v>
      </c>
      <c r="L18" s="48">
        <v>0</v>
      </c>
      <c r="M18" s="50">
        <v>1</v>
      </c>
    </row>
    <row r="19" spans="2:13" ht="14.25" customHeight="1" x14ac:dyDescent="0.15">
      <c r="B19" s="15"/>
      <c r="C19" s="3" t="s">
        <v>35</v>
      </c>
      <c r="D19" s="3" t="s">
        <v>28</v>
      </c>
      <c r="E19" s="47">
        <v>70</v>
      </c>
      <c r="F19" s="48">
        <v>49</v>
      </c>
      <c r="G19" s="48">
        <v>0</v>
      </c>
      <c r="H19" s="48">
        <v>3</v>
      </c>
      <c r="I19" s="48">
        <v>3</v>
      </c>
      <c r="J19" s="48">
        <v>0</v>
      </c>
      <c r="K19" s="48">
        <v>3</v>
      </c>
      <c r="L19" s="48">
        <v>0</v>
      </c>
      <c r="M19" s="50">
        <v>1</v>
      </c>
    </row>
    <row r="20" spans="2:13" ht="14.25" customHeight="1" x14ac:dyDescent="0.15">
      <c r="B20" s="15"/>
      <c r="C20" s="3" t="s">
        <v>36</v>
      </c>
      <c r="D20" s="3" t="s">
        <v>28</v>
      </c>
      <c r="E20" s="47">
        <v>70</v>
      </c>
      <c r="F20" s="48">
        <v>61</v>
      </c>
      <c r="G20" s="48">
        <v>0</v>
      </c>
      <c r="H20" s="48">
        <v>2</v>
      </c>
      <c r="I20" s="48">
        <v>2</v>
      </c>
      <c r="J20" s="48">
        <v>0</v>
      </c>
      <c r="K20" s="48">
        <v>2</v>
      </c>
      <c r="L20" s="48">
        <v>0</v>
      </c>
      <c r="M20" s="50">
        <v>1</v>
      </c>
    </row>
    <row r="21" spans="2:13" ht="7.5" customHeight="1" x14ac:dyDescent="0.15">
      <c r="B21" s="15"/>
      <c r="C21" s="51"/>
      <c r="D21" s="51"/>
      <c r="E21" s="47"/>
      <c r="F21" s="9"/>
      <c r="G21" s="9"/>
      <c r="H21" s="9"/>
      <c r="I21" s="9"/>
      <c r="J21" s="9"/>
      <c r="K21" s="48"/>
      <c r="L21" s="52"/>
      <c r="M21" s="53"/>
    </row>
    <row r="22" spans="2:13" ht="7.5" customHeight="1" x14ac:dyDescent="0.15">
      <c r="B22" s="54"/>
      <c r="C22" s="55"/>
      <c r="D22" s="55"/>
      <c r="E22" s="56"/>
      <c r="F22" s="57"/>
      <c r="G22" s="57"/>
      <c r="H22" s="57"/>
      <c r="I22" s="57"/>
      <c r="J22" s="57"/>
      <c r="K22" s="58"/>
      <c r="L22" s="59"/>
      <c r="M22" s="60"/>
    </row>
    <row r="23" spans="2:13" s="67" customFormat="1" ht="14.25" customHeight="1" x14ac:dyDescent="0.15">
      <c r="B23" s="61"/>
      <c r="C23" s="62" t="s">
        <v>37</v>
      </c>
      <c r="D23" s="63"/>
      <c r="E23" s="64">
        <v>560</v>
      </c>
      <c r="F23" s="65">
        <v>463</v>
      </c>
      <c r="G23" s="65">
        <v>0</v>
      </c>
      <c r="H23" s="65">
        <v>13</v>
      </c>
      <c r="I23" s="49" t="s">
        <v>29</v>
      </c>
      <c r="J23" s="49" t="s">
        <v>29</v>
      </c>
      <c r="K23" s="65">
        <v>13</v>
      </c>
      <c r="L23" s="65">
        <v>0</v>
      </c>
      <c r="M23" s="66">
        <v>1</v>
      </c>
    </row>
    <row r="24" spans="2:13" ht="7.5" customHeight="1" x14ac:dyDescent="0.15">
      <c r="B24" s="37"/>
      <c r="C24" s="68"/>
      <c r="D24" s="68"/>
      <c r="E24" s="69"/>
      <c r="F24" s="70"/>
      <c r="G24" s="70"/>
      <c r="H24" s="70"/>
      <c r="I24" s="70"/>
      <c r="J24" s="70"/>
      <c r="K24" s="71"/>
      <c r="L24" s="70"/>
      <c r="M24" s="72"/>
    </row>
    <row r="25" spans="2:13" x14ac:dyDescent="0.15">
      <c r="D25" s="51"/>
      <c r="E25" s="9"/>
      <c r="F25" s="9"/>
      <c r="G25" s="9"/>
      <c r="H25" s="9"/>
      <c r="I25" s="9"/>
      <c r="J25" s="9"/>
      <c r="K25" s="48"/>
      <c r="L25" s="9"/>
      <c r="M25" s="9"/>
    </row>
    <row r="26" spans="2:13" x14ac:dyDescent="0.15">
      <c r="B26" s="3" t="s">
        <v>38</v>
      </c>
      <c r="E26" s="9"/>
      <c r="F26" s="9"/>
      <c r="G26" s="9"/>
      <c r="H26" s="9"/>
      <c r="I26" s="9"/>
      <c r="J26" s="9"/>
      <c r="L26" s="9"/>
      <c r="M26" s="9"/>
    </row>
    <row r="27" spans="2:13" ht="7.5" customHeight="1" x14ac:dyDescent="0.15">
      <c r="B27" s="10"/>
      <c r="C27" s="11"/>
      <c r="D27" s="11"/>
      <c r="E27" s="12"/>
      <c r="F27" s="11"/>
      <c r="G27" s="11"/>
      <c r="H27" s="11"/>
      <c r="I27" s="11"/>
      <c r="J27" s="11"/>
      <c r="K27" s="13"/>
      <c r="L27" s="11"/>
      <c r="M27" s="14"/>
    </row>
    <row r="28" spans="2:13" ht="15.75" customHeight="1" x14ac:dyDescent="0.15">
      <c r="B28" s="15"/>
      <c r="E28" s="16" t="s">
        <v>5</v>
      </c>
      <c r="F28" s="17" t="s">
        <v>6</v>
      </c>
      <c r="G28" s="18" t="s">
        <v>7</v>
      </c>
      <c r="H28" s="19"/>
      <c r="I28" s="73" t="s">
        <v>39</v>
      </c>
      <c r="J28" s="74"/>
      <c r="K28" s="74"/>
      <c r="L28" s="22" t="s">
        <v>9</v>
      </c>
      <c r="M28" s="23"/>
    </row>
    <row r="29" spans="2:13" ht="14.25" customHeight="1" x14ac:dyDescent="0.15">
      <c r="B29" s="15"/>
      <c r="C29" s="3" t="s">
        <v>10</v>
      </c>
      <c r="D29" s="3" t="s">
        <v>11</v>
      </c>
      <c r="E29" s="24" t="s">
        <v>12</v>
      </c>
      <c r="F29" s="25" t="s">
        <v>13</v>
      </c>
      <c r="G29" s="26" t="s">
        <v>14</v>
      </c>
      <c r="H29" s="27" t="s">
        <v>15</v>
      </c>
      <c r="I29" s="75" t="s">
        <v>40</v>
      </c>
      <c r="J29" s="75"/>
      <c r="K29" s="75"/>
      <c r="L29" s="30" t="s">
        <v>18</v>
      </c>
      <c r="M29" s="31" t="s">
        <v>19</v>
      </c>
    </row>
    <row r="30" spans="2:13" ht="14.25" customHeight="1" x14ac:dyDescent="0.15">
      <c r="B30" s="15"/>
      <c r="C30" s="32"/>
      <c r="D30" s="33"/>
      <c r="E30" s="24"/>
      <c r="F30" s="25"/>
      <c r="G30" s="34" t="s">
        <v>20</v>
      </c>
      <c r="H30" s="25" t="s">
        <v>21</v>
      </c>
      <c r="I30" s="36" t="s">
        <v>24</v>
      </c>
      <c r="J30" s="76"/>
      <c r="K30" s="77"/>
      <c r="L30" s="36" t="s">
        <v>25</v>
      </c>
      <c r="M30" s="31" t="s">
        <v>26</v>
      </c>
    </row>
    <row r="31" spans="2:13" ht="7.5" customHeight="1" x14ac:dyDescent="0.15">
      <c r="B31" s="37"/>
      <c r="C31" s="38"/>
      <c r="D31" s="39"/>
      <c r="E31" s="40"/>
      <c r="F31" s="41"/>
      <c r="G31" s="41"/>
      <c r="H31" s="42"/>
      <c r="I31" s="78"/>
      <c r="J31" s="79"/>
      <c r="K31" s="80"/>
      <c r="L31" s="42"/>
      <c r="M31" s="45"/>
    </row>
    <row r="32" spans="2:13" ht="7.5" customHeight="1" x14ac:dyDescent="0.15">
      <c r="B32" s="10"/>
      <c r="C32" s="32"/>
      <c r="D32" s="32"/>
      <c r="E32" s="46"/>
      <c r="K32" s="32"/>
      <c r="M32" s="81"/>
    </row>
    <row r="33" spans="2:13" ht="14.25" customHeight="1" x14ac:dyDescent="0.15">
      <c r="B33" s="15"/>
      <c r="C33" s="3" t="s">
        <v>41</v>
      </c>
      <c r="D33" s="3" t="s">
        <v>42</v>
      </c>
      <c r="E33" s="47">
        <v>35</v>
      </c>
      <c r="F33" s="48">
        <v>33</v>
      </c>
      <c r="G33" s="48">
        <v>0</v>
      </c>
      <c r="H33" s="48">
        <v>2</v>
      </c>
      <c r="I33" s="48"/>
      <c r="J33" s="48"/>
      <c r="K33" s="48">
        <v>2</v>
      </c>
      <c r="L33" s="48">
        <v>0</v>
      </c>
      <c r="M33" s="82">
        <v>1</v>
      </c>
    </row>
    <row r="34" spans="2:13" ht="21.75" customHeight="1" x14ac:dyDescent="0.15">
      <c r="B34" s="15"/>
      <c r="C34" s="3" t="s">
        <v>43</v>
      </c>
      <c r="D34" s="3" t="s">
        <v>44</v>
      </c>
      <c r="E34" s="47">
        <v>35</v>
      </c>
      <c r="F34" s="48">
        <v>21</v>
      </c>
      <c r="G34" s="48">
        <v>0</v>
      </c>
      <c r="H34" s="48">
        <v>5</v>
      </c>
      <c r="I34" s="48"/>
      <c r="J34" s="48"/>
      <c r="K34" s="83">
        <v>5</v>
      </c>
      <c r="L34" s="83">
        <v>0</v>
      </c>
      <c r="M34" s="84">
        <v>1</v>
      </c>
    </row>
    <row r="35" spans="2:13" ht="7.5" customHeight="1" x14ac:dyDescent="0.15">
      <c r="B35" s="15"/>
      <c r="C35" s="51"/>
      <c r="D35" s="51"/>
      <c r="E35" s="47"/>
      <c r="F35" s="9"/>
      <c r="G35" s="9"/>
      <c r="H35" s="9"/>
      <c r="I35" s="9"/>
      <c r="J35" s="9"/>
      <c r="K35" s="48"/>
      <c r="L35" s="85"/>
      <c r="M35" s="86"/>
    </row>
    <row r="36" spans="2:13" ht="7.5" customHeight="1" x14ac:dyDescent="0.15">
      <c r="B36" s="54"/>
      <c r="C36" s="55"/>
      <c r="D36" s="55"/>
      <c r="E36" s="56"/>
      <c r="F36" s="57"/>
      <c r="G36" s="57"/>
      <c r="H36" s="57"/>
      <c r="I36" s="57"/>
      <c r="J36" s="57"/>
      <c r="K36" s="58"/>
      <c r="L36" s="87"/>
      <c r="M36" s="88"/>
    </row>
    <row r="37" spans="2:13" s="67" customFormat="1" x14ac:dyDescent="0.15">
      <c r="B37" s="61"/>
      <c r="C37" s="62" t="s">
        <v>37</v>
      </c>
      <c r="D37" s="63"/>
      <c r="E37" s="64">
        <v>70</v>
      </c>
      <c r="F37" s="89">
        <v>54</v>
      </c>
      <c r="G37" s="89">
        <v>0</v>
      </c>
      <c r="H37" s="89">
        <v>7</v>
      </c>
      <c r="I37" s="89"/>
      <c r="J37" s="89"/>
      <c r="K37" s="89">
        <v>7</v>
      </c>
      <c r="L37" s="89">
        <v>0</v>
      </c>
      <c r="M37" s="90">
        <v>1</v>
      </c>
    </row>
    <row r="38" spans="2:13" ht="7.5" customHeight="1" x14ac:dyDescent="0.15">
      <c r="B38" s="37"/>
      <c r="C38" s="68"/>
      <c r="D38" s="68"/>
      <c r="E38" s="69"/>
      <c r="F38" s="70"/>
      <c r="G38" s="70"/>
      <c r="H38" s="70"/>
      <c r="I38" s="70"/>
      <c r="J38" s="70"/>
      <c r="K38" s="71"/>
      <c r="L38" s="70"/>
      <c r="M38" s="72"/>
    </row>
    <row r="39" spans="2:13" x14ac:dyDescent="0.15">
      <c r="E39" s="9"/>
      <c r="F39" s="9"/>
      <c r="G39" s="9"/>
      <c r="H39" s="9"/>
      <c r="I39" s="9"/>
      <c r="J39" s="9"/>
      <c r="L39" s="9"/>
      <c r="M39" s="9"/>
    </row>
    <row r="40" spans="2:13" ht="13.5" customHeight="1" x14ac:dyDescent="0.15">
      <c r="B40" s="3" t="s">
        <v>45</v>
      </c>
      <c r="E40" s="9"/>
      <c r="F40" s="9"/>
      <c r="G40" s="9"/>
      <c r="H40" s="9"/>
      <c r="I40" s="9"/>
      <c r="J40" s="9"/>
      <c r="L40" s="9"/>
      <c r="M40" s="9"/>
    </row>
    <row r="41" spans="2:13" ht="7.5" customHeight="1" x14ac:dyDescent="0.15">
      <c r="B41" s="10"/>
      <c r="C41" s="11"/>
      <c r="D41" s="11"/>
      <c r="E41" s="12"/>
      <c r="F41" s="11"/>
      <c r="G41" s="11"/>
      <c r="H41" s="11"/>
      <c r="I41" s="11"/>
      <c r="J41" s="11"/>
      <c r="K41" s="13"/>
      <c r="L41" s="11"/>
      <c r="M41" s="14"/>
    </row>
    <row r="42" spans="2:13" ht="15.75" customHeight="1" x14ac:dyDescent="0.15">
      <c r="B42" s="15"/>
      <c r="E42" s="16" t="s">
        <v>5</v>
      </c>
      <c r="F42" s="17" t="s">
        <v>6</v>
      </c>
      <c r="G42" s="18" t="s">
        <v>7</v>
      </c>
      <c r="H42" s="19"/>
      <c r="I42" s="73" t="s">
        <v>39</v>
      </c>
      <c r="J42" s="74"/>
      <c r="K42" s="74"/>
      <c r="L42" s="22" t="s">
        <v>9</v>
      </c>
      <c r="M42" s="23"/>
    </row>
    <row r="43" spans="2:13" ht="14.25" customHeight="1" x14ac:dyDescent="0.15">
      <c r="B43" s="15"/>
      <c r="C43" s="3" t="s">
        <v>10</v>
      </c>
      <c r="D43" s="3" t="s">
        <v>11</v>
      </c>
      <c r="E43" s="24" t="s">
        <v>12</v>
      </c>
      <c r="F43" s="25" t="s">
        <v>13</v>
      </c>
      <c r="G43" s="26" t="s">
        <v>14</v>
      </c>
      <c r="H43" s="27" t="s">
        <v>15</v>
      </c>
      <c r="I43" s="75" t="s">
        <v>40</v>
      </c>
      <c r="J43" s="75"/>
      <c r="K43" s="75"/>
      <c r="L43" s="30" t="s">
        <v>18</v>
      </c>
      <c r="M43" s="31" t="s">
        <v>19</v>
      </c>
    </row>
    <row r="44" spans="2:13" ht="14.25" customHeight="1" x14ac:dyDescent="0.15">
      <c r="B44" s="15"/>
      <c r="C44" s="32"/>
      <c r="D44" s="33"/>
      <c r="E44" s="24"/>
      <c r="F44" s="25"/>
      <c r="G44" s="34" t="s">
        <v>20</v>
      </c>
      <c r="H44" s="25" t="s">
        <v>21</v>
      </c>
      <c r="I44" s="36" t="s">
        <v>24</v>
      </c>
      <c r="J44" s="76"/>
      <c r="K44" s="77"/>
      <c r="L44" s="36" t="s">
        <v>25</v>
      </c>
      <c r="M44" s="31" t="s">
        <v>26</v>
      </c>
    </row>
    <row r="45" spans="2:13" ht="7.5" customHeight="1" x14ac:dyDescent="0.15">
      <c r="B45" s="37"/>
      <c r="C45" s="38"/>
      <c r="D45" s="39"/>
      <c r="E45" s="40"/>
      <c r="F45" s="41"/>
      <c r="G45" s="41"/>
      <c r="H45" s="42"/>
      <c r="I45" s="78"/>
      <c r="J45" s="79"/>
      <c r="K45" s="80"/>
      <c r="L45" s="42"/>
      <c r="M45" s="45"/>
    </row>
    <row r="46" spans="2:13" ht="7.5" customHeight="1" x14ac:dyDescent="0.15">
      <c r="B46" s="10"/>
      <c r="C46" s="32"/>
      <c r="D46" s="32"/>
      <c r="E46" s="46"/>
      <c r="K46" s="32"/>
      <c r="M46" s="81"/>
    </row>
    <row r="47" spans="2:13" x14ac:dyDescent="0.15">
      <c r="B47" s="15"/>
      <c r="C47" s="3" t="s">
        <v>43</v>
      </c>
      <c r="D47" s="3" t="s">
        <v>46</v>
      </c>
      <c r="E47" s="47">
        <v>35</v>
      </c>
      <c r="F47" s="48">
        <v>30</v>
      </c>
      <c r="G47" s="48" t="s">
        <v>68</v>
      </c>
      <c r="H47" s="48" t="s">
        <v>68</v>
      </c>
      <c r="I47" s="48"/>
      <c r="J47" s="48"/>
      <c r="K47" s="83" t="s">
        <v>68</v>
      </c>
      <c r="L47" s="83" t="s">
        <v>68</v>
      </c>
      <c r="M47" s="84" t="s">
        <v>68</v>
      </c>
    </row>
    <row r="48" spans="2:13" ht="7.5" customHeight="1" x14ac:dyDescent="0.15">
      <c r="B48" s="37"/>
      <c r="C48" s="68"/>
      <c r="D48" s="68"/>
      <c r="E48" s="69"/>
      <c r="F48" s="70"/>
      <c r="G48" s="70"/>
      <c r="H48" s="70"/>
      <c r="I48" s="70"/>
      <c r="J48" s="70"/>
      <c r="K48" s="71"/>
      <c r="L48" s="70"/>
      <c r="M48" s="72"/>
    </row>
    <row r="49" spans="2:13" x14ac:dyDescent="0.15">
      <c r="E49" s="9"/>
      <c r="F49" s="9"/>
      <c r="G49" s="9"/>
      <c r="H49" s="9"/>
      <c r="I49" s="9"/>
      <c r="J49" s="9"/>
      <c r="L49" s="9"/>
      <c r="M49" s="9"/>
    </row>
    <row r="50" spans="2:13" x14ac:dyDescent="0.15">
      <c r="B50" s="3" t="s">
        <v>47</v>
      </c>
      <c r="E50" s="9"/>
      <c r="F50" s="9"/>
      <c r="G50" s="9"/>
      <c r="H50" s="9"/>
      <c r="I50" s="9"/>
      <c r="J50" s="9"/>
      <c r="L50" s="9"/>
      <c r="M50" s="9"/>
    </row>
    <row r="51" spans="2:13" ht="7.5" customHeight="1" x14ac:dyDescent="0.15">
      <c r="B51" s="10"/>
      <c r="C51" s="11"/>
      <c r="D51" s="11"/>
      <c r="E51" s="12"/>
      <c r="F51" s="11"/>
      <c r="G51" s="11"/>
      <c r="H51" s="11"/>
      <c r="I51" s="11"/>
      <c r="J51" s="11"/>
      <c r="K51" s="13"/>
      <c r="L51" s="11"/>
      <c r="M51" s="14"/>
    </row>
    <row r="52" spans="2:13" ht="15.75" customHeight="1" x14ac:dyDescent="0.15">
      <c r="B52" s="15"/>
      <c r="E52" s="16" t="s">
        <v>5</v>
      </c>
      <c r="F52" s="17" t="s">
        <v>6</v>
      </c>
      <c r="G52" s="18" t="s">
        <v>7</v>
      </c>
      <c r="H52" s="19"/>
      <c r="I52" s="73" t="s">
        <v>39</v>
      </c>
      <c r="J52" s="74"/>
      <c r="K52" s="74"/>
      <c r="L52" s="22" t="s">
        <v>9</v>
      </c>
      <c r="M52" s="23"/>
    </row>
    <row r="53" spans="2:13" ht="14.25" customHeight="1" x14ac:dyDescent="0.15">
      <c r="B53" s="15"/>
      <c r="C53" s="3" t="s">
        <v>10</v>
      </c>
      <c r="D53" s="3" t="s">
        <v>11</v>
      </c>
      <c r="E53" s="24" t="s">
        <v>12</v>
      </c>
      <c r="F53" s="25" t="s">
        <v>13</v>
      </c>
      <c r="G53" s="26" t="s">
        <v>14</v>
      </c>
      <c r="H53" s="27" t="s">
        <v>15</v>
      </c>
      <c r="I53" s="75" t="s">
        <v>40</v>
      </c>
      <c r="J53" s="75"/>
      <c r="K53" s="75"/>
      <c r="L53" s="30" t="s">
        <v>18</v>
      </c>
      <c r="M53" s="31" t="s">
        <v>19</v>
      </c>
    </row>
    <row r="54" spans="2:13" ht="14.25" customHeight="1" x14ac:dyDescent="0.15">
      <c r="B54" s="15"/>
      <c r="C54" s="32"/>
      <c r="D54" s="33"/>
      <c r="E54" s="24"/>
      <c r="F54" s="25"/>
      <c r="G54" s="34" t="s">
        <v>20</v>
      </c>
      <c r="H54" s="25" t="s">
        <v>21</v>
      </c>
      <c r="I54" s="36" t="s">
        <v>24</v>
      </c>
      <c r="J54" s="76"/>
      <c r="K54" s="77"/>
      <c r="L54" s="36" t="s">
        <v>25</v>
      </c>
      <c r="M54" s="31" t="s">
        <v>26</v>
      </c>
    </row>
    <row r="55" spans="2:13" ht="7.5" customHeight="1" x14ac:dyDescent="0.15">
      <c r="B55" s="37"/>
      <c r="C55" s="38"/>
      <c r="D55" s="39"/>
      <c r="E55" s="40"/>
      <c r="F55" s="41"/>
      <c r="G55" s="41"/>
      <c r="H55" s="42"/>
      <c r="I55" s="78"/>
      <c r="J55" s="79"/>
      <c r="K55" s="80"/>
      <c r="L55" s="42"/>
      <c r="M55" s="45"/>
    </row>
    <row r="56" spans="2:13" ht="7.5" customHeight="1" x14ac:dyDescent="0.15">
      <c r="B56" s="10"/>
      <c r="C56" s="32"/>
      <c r="D56" s="32"/>
      <c r="E56" s="46"/>
      <c r="K56" s="32"/>
      <c r="M56" s="81"/>
    </row>
    <row r="57" spans="2:13" ht="13.5" customHeight="1" x14ac:dyDescent="0.15">
      <c r="B57" s="15"/>
      <c r="C57" s="3" t="s">
        <v>48</v>
      </c>
      <c r="D57" s="3" t="s">
        <v>4</v>
      </c>
      <c r="E57" s="47">
        <v>70</v>
      </c>
      <c r="F57" s="48">
        <v>56</v>
      </c>
      <c r="G57" s="48">
        <v>0</v>
      </c>
      <c r="H57" s="48">
        <v>2</v>
      </c>
      <c r="I57" s="48"/>
      <c r="J57" s="48"/>
      <c r="K57" s="83">
        <v>2</v>
      </c>
      <c r="L57" s="83">
        <v>0</v>
      </c>
      <c r="M57" s="84">
        <v>1</v>
      </c>
    </row>
    <row r="58" spans="2:13" x14ac:dyDescent="0.15">
      <c r="B58" s="15"/>
      <c r="C58" s="3" t="s">
        <v>49</v>
      </c>
      <c r="D58" s="3" t="s">
        <v>4</v>
      </c>
      <c r="E58" s="47">
        <v>70</v>
      </c>
      <c r="F58" s="48">
        <v>42</v>
      </c>
      <c r="G58" s="48">
        <v>0</v>
      </c>
      <c r="H58" s="48">
        <v>4</v>
      </c>
      <c r="I58" s="48"/>
      <c r="J58" s="48"/>
      <c r="K58" s="83">
        <v>4</v>
      </c>
      <c r="L58" s="83">
        <v>0</v>
      </c>
      <c r="M58" s="84">
        <v>1</v>
      </c>
    </row>
    <row r="59" spans="2:13" x14ac:dyDescent="0.15">
      <c r="B59" s="15"/>
      <c r="C59" s="3" t="s">
        <v>50</v>
      </c>
      <c r="D59" s="3" t="s">
        <v>51</v>
      </c>
      <c r="E59" s="47">
        <v>70</v>
      </c>
      <c r="F59" s="48">
        <v>36</v>
      </c>
      <c r="G59" s="48">
        <v>0</v>
      </c>
      <c r="H59" s="48">
        <v>0</v>
      </c>
      <c r="I59" s="48"/>
      <c r="J59" s="48"/>
      <c r="K59" s="83">
        <v>0</v>
      </c>
      <c r="L59" s="83">
        <v>0</v>
      </c>
      <c r="M59" s="84" t="s">
        <v>68</v>
      </c>
    </row>
    <row r="60" spans="2:13" x14ac:dyDescent="0.15">
      <c r="B60" s="15"/>
      <c r="C60" s="3" t="s">
        <v>52</v>
      </c>
      <c r="D60" s="3" t="s">
        <v>4</v>
      </c>
      <c r="E60" s="47">
        <v>70</v>
      </c>
      <c r="F60" s="48">
        <v>48</v>
      </c>
      <c r="G60" s="48">
        <v>0</v>
      </c>
      <c r="H60" s="48">
        <v>3</v>
      </c>
      <c r="I60" s="48"/>
      <c r="J60" s="48"/>
      <c r="K60" s="83">
        <v>3</v>
      </c>
      <c r="L60" s="83">
        <v>0</v>
      </c>
      <c r="M60" s="84">
        <v>1</v>
      </c>
    </row>
    <row r="61" spans="2:13" x14ac:dyDescent="0.15">
      <c r="B61" s="15"/>
      <c r="C61" s="3" t="s">
        <v>53</v>
      </c>
      <c r="D61" s="3" t="s">
        <v>51</v>
      </c>
      <c r="E61" s="47">
        <v>105</v>
      </c>
      <c r="F61" s="48">
        <v>77</v>
      </c>
      <c r="G61" s="48">
        <v>0</v>
      </c>
      <c r="H61" s="48">
        <v>3</v>
      </c>
      <c r="I61" s="48"/>
      <c r="J61" s="48"/>
      <c r="K61" s="83">
        <v>3</v>
      </c>
      <c r="L61" s="83">
        <v>0</v>
      </c>
      <c r="M61" s="84">
        <v>1</v>
      </c>
    </row>
    <row r="62" spans="2:13" ht="7.5" customHeight="1" x14ac:dyDescent="0.15">
      <c r="B62" s="15"/>
      <c r="C62" s="51"/>
      <c r="D62" s="51"/>
      <c r="E62" s="47"/>
      <c r="F62" s="9"/>
      <c r="G62" s="9"/>
      <c r="H62" s="9"/>
      <c r="I62" s="9"/>
      <c r="J62" s="9"/>
      <c r="K62" s="48"/>
      <c r="L62" s="85"/>
      <c r="M62" s="86"/>
    </row>
    <row r="63" spans="2:13" ht="7.5" customHeight="1" x14ac:dyDescent="0.15">
      <c r="B63" s="54"/>
      <c r="C63" s="55"/>
      <c r="D63" s="55"/>
      <c r="E63" s="56"/>
      <c r="F63" s="57"/>
      <c r="G63" s="57"/>
      <c r="H63" s="57"/>
      <c r="I63" s="57"/>
      <c r="J63" s="57"/>
      <c r="K63" s="58"/>
      <c r="L63" s="87"/>
      <c r="M63" s="88"/>
    </row>
    <row r="64" spans="2:13" s="67" customFormat="1" x14ac:dyDescent="0.15">
      <c r="B64" s="61"/>
      <c r="C64" s="62" t="s">
        <v>37</v>
      </c>
      <c r="D64" s="63"/>
      <c r="E64" s="64">
        <v>385</v>
      </c>
      <c r="F64" s="89">
        <v>259</v>
      </c>
      <c r="G64" s="89">
        <v>0</v>
      </c>
      <c r="H64" s="89">
        <v>12</v>
      </c>
      <c r="I64" s="89"/>
      <c r="J64" s="89"/>
      <c r="K64" s="89">
        <v>12</v>
      </c>
      <c r="L64" s="89">
        <v>0</v>
      </c>
      <c r="M64" s="90">
        <v>1</v>
      </c>
    </row>
    <row r="65" spans="1:13" ht="7.5" customHeight="1" x14ac:dyDescent="0.15">
      <c r="B65" s="37"/>
      <c r="C65" s="68"/>
      <c r="D65" s="68"/>
      <c r="E65" s="69"/>
      <c r="F65" s="70"/>
      <c r="G65" s="70"/>
      <c r="H65" s="70"/>
      <c r="I65" s="70"/>
      <c r="J65" s="70"/>
      <c r="K65" s="71"/>
      <c r="L65" s="70"/>
      <c r="M65" s="72"/>
    </row>
    <row r="66" spans="1:13" ht="12.95" customHeight="1" x14ac:dyDescent="0.15">
      <c r="C66" s="51"/>
      <c r="D66" s="51"/>
      <c r="E66" s="9"/>
      <c r="F66" s="9"/>
      <c r="G66" s="9"/>
      <c r="H66" s="9"/>
      <c r="I66" s="9"/>
      <c r="J66" s="9"/>
      <c r="K66" s="48"/>
      <c r="L66" s="9"/>
      <c r="M66" s="9"/>
    </row>
    <row r="67" spans="1:13" x14ac:dyDescent="0.15">
      <c r="B67" s="3" t="s">
        <v>54</v>
      </c>
      <c r="E67" s="9"/>
      <c r="F67" s="9"/>
      <c r="G67" s="9"/>
      <c r="H67" s="9"/>
      <c r="I67" s="9"/>
      <c r="J67" s="9"/>
      <c r="L67" s="9"/>
      <c r="M67" s="70"/>
    </row>
    <row r="68" spans="1:13" ht="7.5" customHeight="1" x14ac:dyDescent="0.15">
      <c r="B68" s="10"/>
      <c r="C68" s="11"/>
      <c r="D68" s="11"/>
      <c r="E68" s="12"/>
      <c r="F68" s="11"/>
      <c r="G68" s="11"/>
      <c r="H68" s="11"/>
      <c r="I68" s="11"/>
      <c r="J68" s="11"/>
      <c r="K68" s="13"/>
      <c r="L68" s="11"/>
      <c r="M68" s="14"/>
    </row>
    <row r="69" spans="1:13" ht="15.75" customHeight="1" x14ac:dyDescent="0.15">
      <c r="B69" s="15"/>
      <c r="E69" s="16" t="s">
        <v>5</v>
      </c>
      <c r="F69" s="17" t="s">
        <v>6</v>
      </c>
      <c r="G69" s="18" t="s">
        <v>7</v>
      </c>
      <c r="H69" s="19"/>
      <c r="I69" s="73" t="s">
        <v>39</v>
      </c>
      <c r="J69" s="74"/>
      <c r="K69" s="74"/>
      <c r="L69" s="22" t="s">
        <v>9</v>
      </c>
      <c r="M69" s="23"/>
    </row>
    <row r="70" spans="1:13" ht="14.25" customHeight="1" x14ac:dyDescent="0.15">
      <c r="B70" s="15"/>
      <c r="C70" s="3" t="s">
        <v>10</v>
      </c>
      <c r="D70" s="3" t="s">
        <v>11</v>
      </c>
      <c r="E70" s="24" t="s">
        <v>12</v>
      </c>
      <c r="F70" s="25" t="s">
        <v>13</v>
      </c>
      <c r="G70" s="26" t="s">
        <v>14</v>
      </c>
      <c r="H70" s="27" t="s">
        <v>15</v>
      </c>
      <c r="I70" s="75" t="s">
        <v>40</v>
      </c>
      <c r="J70" s="75"/>
      <c r="K70" s="75"/>
      <c r="L70" s="30" t="s">
        <v>18</v>
      </c>
      <c r="M70" s="31" t="s">
        <v>19</v>
      </c>
    </row>
    <row r="71" spans="1:13" ht="14.25" customHeight="1" x14ac:dyDescent="0.15">
      <c r="B71" s="15"/>
      <c r="C71" s="32"/>
      <c r="D71" s="32"/>
      <c r="E71" s="24"/>
      <c r="F71" s="25"/>
      <c r="G71" s="34" t="s">
        <v>20</v>
      </c>
      <c r="H71" s="25" t="s">
        <v>21</v>
      </c>
      <c r="I71" s="36" t="s">
        <v>24</v>
      </c>
      <c r="J71" s="76"/>
      <c r="K71" s="77"/>
      <c r="L71" s="36" t="s">
        <v>25</v>
      </c>
      <c r="M71" s="31" t="s">
        <v>26</v>
      </c>
    </row>
    <row r="72" spans="1:13" ht="7.5" customHeight="1" x14ac:dyDescent="0.15">
      <c r="B72" s="37"/>
      <c r="C72" s="38"/>
      <c r="D72" s="38"/>
      <c r="E72" s="40"/>
      <c r="F72" s="41"/>
      <c r="G72" s="41"/>
      <c r="H72" s="42"/>
      <c r="I72" s="78"/>
      <c r="J72" s="79"/>
      <c r="K72" s="80"/>
      <c r="L72" s="42"/>
      <c r="M72" s="45"/>
    </row>
    <row r="73" spans="1:13" ht="21.75" customHeight="1" x14ac:dyDescent="0.15">
      <c r="B73" s="15"/>
      <c r="C73" s="3" t="s">
        <v>55</v>
      </c>
      <c r="D73" s="3" t="s">
        <v>56</v>
      </c>
      <c r="E73" s="47">
        <v>70</v>
      </c>
      <c r="F73" s="48">
        <v>30</v>
      </c>
      <c r="G73" s="48">
        <v>0</v>
      </c>
      <c r="H73" s="48">
        <v>3</v>
      </c>
      <c r="I73" s="48"/>
      <c r="J73" s="48"/>
      <c r="K73" s="83">
        <v>2</v>
      </c>
      <c r="L73" s="83">
        <v>1</v>
      </c>
      <c r="M73" s="84">
        <v>1</v>
      </c>
    </row>
    <row r="74" spans="1:13" ht="7.5" customHeight="1" x14ac:dyDescent="0.15">
      <c r="B74" s="37"/>
      <c r="C74" s="68"/>
      <c r="D74" s="68"/>
      <c r="E74" s="69"/>
      <c r="F74" s="70"/>
      <c r="G74" s="70"/>
      <c r="H74" s="70"/>
      <c r="I74" s="70"/>
      <c r="J74" s="70"/>
      <c r="K74" s="71"/>
      <c r="L74" s="70"/>
      <c r="M74" s="72"/>
    </row>
    <row r="75" spans="1:13" ht="15.6" customHeight="1" x14ac:dyDescent="0.15">
      <c r="A75" s="91"/>
      <c r="B75" s="92"/>
      <c r="D75" s="93"/>
      <c r="E75" s="93"/>
      <c r="F75" s="93"/>
      <c r="G75" s="93"/>
      <c r="H75" s="93"/>
      <c r="I75" s="93"/>
      <c r="J75" s="93"/>
      <c r="K75" s="93"/>
      <c r="L75" s="94"/>
      <c r="M75" s="94"/>
    </row>
    <row r="76" spans="1:13" x14ac:dyDescent="0.15">
      <c r="B76" s="3" t="s">
        <v>57</v>
      </c>
      <c r="E76" s="9"/>
      <c r="F76" s="9"/>
      <c r="G76" s="9"/>
      <c r="H76" s="9"/>
      <c r="I76" s="9"/>
      <c r="J76" s="9"/>
      <c r="L76" s="9"/>
      <c r="M76" s="9"/>
    </row>
    <row r="77" spans="1:13" ht="7.5" customHeight="1" x14ac:dyDescent="0.15">
      <c r="B77" s="10"/>
      <c r="C77" s="11"/>
      <c r="D77" s="11"/>
      <c r="E77" s="12"/>
      <c r="F77" s="11"/>
      <c r="G77" s="11"/>
      <c r="H77" s="11"/>
      <c r="I77" s="11"/>
      <c r="J77" s="11"/>
      <c r="K77" s="13"/>
      <c r="L77" s="11"/>
      <c r="M77" s="14"/>
    </row>
    <row r="78" spans="1:13" ht="15.75" customHeight="1" x14ac:dyDescent="0.15">
      <c r="B78" s="15"/>
      <c r="E78" s="16" t="s">
        <v>5</v>
      </c>
      <c r="F78" s="17" t="s">
        <v>6</v>
      </c>
      <c r="G78" s="18" t="s">
        <v>7</v>
      </c>
      <c r="H78" s="19"/>
      <c r="I78" s="73" t="s">
        <v>39</v>
      </c>
      <c r="J78" s="74"/>
      <c r="K78" s="74"/>
      <c r="L78" s="22" t="s">
        <v>9</v>
      </c>
      <c r="M78" s="23"/>
    </row>
    <row r="79" spans="1:13" ht="14.25" customHeight="1" x14ac:dyDescent="0.15">
      <c r="B79" s="15"/>
      <c r="C79" s="3" t="s">
        <v>10</v>
      </c>
      <c r="D79" s="3" t="s">
        <v>11</v>
      </c>
      <c r="E79" s="24" t="s">
        <v>12</v>
      </c>
      <c r="F79" s="25" t="s">
        <v>13</v>
      </c>
      <c r="G79" s="26" t="s">
        <v>14</v>
      </c>
      <c r="H79" s="27" t="s">
        <v>15</v>
      </c>
      <c r="I79" s="75" t="s">
        <v>40</v>
      </c>
      <c r="J79" s="75"/>
      <c r="K79" s="75"/>
      <c r="L79" s="30" t="s">
        <v>18</v>
      </c>
      <c r="M79" s="31" t="s">
        <v>19</v>
      </c>
    </row>
    <row r="80" spans="1:13" ht="14.25" customHeight="1" x14ac:dyDescent="0.15">
      <c r="B80" s="15"/>
      <c r="C80" s="32"/>
      <c r="D80" s="33"/>
      <c r="E80" s="24"/>
      <c r="F80" s="25"/>
      <c r="G80" s="34" t="s">
        <v>20</v>
      </c>
      <c r="H80" s="25" t="s">
        <v>21</v>
      </c>
      <c r="I80" s="36" t="s">
        <v>24</v>
      </c>
      <c r="J80" s="76"/>
      <c r="K80" s="77"/>
      <c r="L80" s="36" t="s">
        <v>25</v>
      </c>
      <c r="M80" s="31" t="s">
        <v>26</v>
      </c>
    </row>
    <row r="81" spans="2:13" ht="7.5" customHeight="1" x14ac:dyDescent="0.15">
      <c r="B81" s="37"/>
      <c r="C81" s="38"/>
      <c r="D81" s="39"/>
      <c r="E81" s="40"/>
      <c r="F81" s="41"/>
      <c r="G81" s="41"/>
      <c r="H81" s="42"/>
      <c r="I81" s="78"/>
      <c r="J81" s="79"/>
      <c r="K81" s="80"/>
      <c r="L81" s="42"/>
      <c r="M81" s="45"/>
    </row>
    <row r="82" spans="2:13" ht="7.5" customHeight="1" x14ac:dyDescent="0.15">
      <c r="B82" s="10"/>
      <c r="C82" s="32"/>
      <c r="D82" s="32"/>
      <c r="E82" s="46"/>
      <c r="K82" s="32"/>
      <c r="M82" s="81"/>
    </row>
    <row r="83" spans="2:13" ht="14.25" customHeight="1" x14ac:dyDescent="0.15">
      <c r="B83" s="15"/>
      <c r="C83" s="3" t="s">
        <v>58</v>
      </c>
      <c r="D83" s="3" t="s">
        <v>59</v>
      </c>
      <c r="E83" s="47">
        <v>35</v>
      </c>
      <c r="F83" s="48">
        <v>33</v>
      </c>
      <c r="G83" s="48">
        <v>0</v>
      </c>
      <c r="H83" s="48">
        <v>1</v>
      </c>
      <c r="I83" s="48"/>
      <c r="J83" s="48"/>
      <c r="K83" s="83">
        <v>1</v>
      </c>
      <c r="L83" s="83">
        <v>0</v>
      </c>
      <c r="M83" s="84">
        <v>1</v>
      </c>
    </row>
    <row r="84" spans="2:13" ht="14.25" customHeight="1" x14ac:dyDescent="0.15">
      <c r="B84" s="15"/>
      <c r="C84" s="3" t="s">
        <v>60</v>
      </c>
      <c r="D84" s="3" t="s">
        <v>61</v>
      </c>
      <c r="E84" s="47">
        <v>35</v>
      </c>
      <c r="F84" s="48">
        <v>27</v>
      </c>
      <c r="G84" s="48">
        <v>0</v>
      </c>
      <c r="H84" s="48">
        <v>4</v>
      </c>
      <c r="I84" s="48"/>
      <c r="J84" s="48"/>
      <c r="K84" s="83">
        <v>4</v>
      </c>
      <c r="L84" s="83">
        <v>0</v>
      </c>
      <c r="M84" s="84">
        <v>1</v>
      </c>
    </row>
    <row r="85" spans="2:13" ht="14.25" customHeight="1" x14ac:dyDescent="0.15">
      <c r="B85" s="15"/>
      <c r="C85" s="3" t="s">
        <v>60</v>
      </c>
      <c r="D85" s="3" t="s">
        <v>62</v>
      </c>
      <c r="E85" s="47">
        <v>35</v>
      </c>
      <c r="F85" s="48">
        <v>30</v>
      </c>
      <c r="G85" s="48" t="s">
        <v>68</v>
      </c>
      <c r="H85" s="48" t="s">
        <v>68</v>
      </c>
      <c r="I85" s="48"/>
      <c r="J85" s="48"/>
      <c r="K85" s="83" t="s">
        <v>68</v>
      </c>
      <c r="L85" s="83" t="s">
        <v>68</v>
      </c>
      <c r="M85" s="84" t="s">
        <v>68</v>
      </c>
    </row>
    <row r="86" spans="2:13" x14ac:dyDescent="0.15">
      <c r="B86" s="15"/>
      <c r="D86" s="67" t="s">
        <v>63</v>
      </c>
      <c r="E86" s="64">
        <v>105</v>
      </c>
      <c r="F86" s="95">
        <v>90</v>
      </c>
      <c r="G86" s="95">
        <v>0</v>
      </c>
      <c r="H86" s="95">
        <v>5</v>
      </c>
      <c r="I86" s="95"/>
      <c r="J86" s="95"/>
      <c r="K86" s="95">
        <v>5</v>
      </c>
      <c r="L86" s="95">
        <v>0</v>
      </c>
      <c r="M86" s="96">
        <v>1</v>
      </c>
    </row>
    <row r="87" spans="2:13" ht="7.5" customHeight="1" x14ac:dyDescent="0.15">
      <c r="B87" s="37"/>
      <c r="C87" s="68"/>
      <c r="D87" s="68"/>
      <c r="E87" s="69"/>
      <c r="F87" s="70"/>
      <c r="G87" s="70"/>
      <c r="H87" s="70"/>
      <c r="I87" s="70"/>
      <c r="J87" s="70"/>
      <c r="K87" s="71"/>
      <c r="L87" s="70"/>
      <c r="M87" s="72"/>
    </row>
    <row r="89" spans="2:13" x14ac:dyDescent="0.15">
      <c r="B89" s="97" t="s">
        <v>64</v>
      </c>
      <c r="C89" s="97"/>
      <c r="D89" s="97"/>
    </row>
    <row r="90" spans="2:13" x14ac:dyDescent="0.15">
      <c r="B90" s="97" t="s">
        <v>65</v>
      </c>
      <c r="C90" s="97"/>
      <c r="D90" s="97"/>
    </row>
    <row r="91" spans="2:13" ht="7.5" customHeight="1" x14ac:dyDescent="0.15">
      <c r="B91" s="98"/>
      <c r="C91" s="99"/>
      <c r="D91" s="99"/>
      <c r="E91" s="12"/>
      <c r="F91" s="11"/>
      <c r="G91" s="11"/>
      <c r="H91" s="11"/>
      <c r="I91" s="11"/>
      <c r="J91" s="11"/>
      <c r="K91" s="13"/>
      <c r="L91" s="11"/>
      <c r="M91" s="14"/>
    </row>
    <row r="92" spans="2:13" x14ac:dyDescent="0.15">
      <c r="B92" s="100"/>
      <c r="C92" s="97"/>
      <c r="D92" s="97"/>
      <c r="E92" s="16" t="s">
        <v>5</v>
      </c>
      <c r="F92" s="17" t="s">
        <v>6</v>
      </c>
      <c r="G92" s="18" t="s">
        <v>7</v>
      </c>
      <c r="H92" s="19"/>
      <c r="I92" s="73" t="s">
        <v>39</v>
      </c>
      <c r="J92" s="74"/>
      <c r="K92" s="74"/>
      <c r="L92" s="22" t="s">
        <v>9</v>
      </c>
      <c r="M92" s="23"/>
    </row>
    <row r="93" spans="2:13" x14ac:dyDescent="0.15">
      <c r="B93" s="15"/>
      <c r="C93" s="3" t="s">
        <v>10</v>
      </c>
      <c r="D93" s="3" t="s">
        <v>11</v>
      </c>
      <c r="E93" s="24" t="s">
        <v>12</v>
      </c>
      <c r="F93" s="25" t="s">
        <v>13</v>
      </c>
      <c r="G93" s="26" t="s">
        <v>14</v>
      </c>
      <c r="H93" s="27" t="s">
        <v>15</v>
      </c>
      <c r="I93" s="75" t="s">
        <v>40</v>
      </c>
      <c r="J93" s="75"/>
      <c r="K93" s="75"/>
      <c r="L93" s="30" t="s">
        <v>18</v>
      </c>
      <c r="M93" s="31" t="s">
        <v>19</v>
      </c>
    </row>
    <row r="94" spans="2:13" x14ac:dyDescent="0.15">
      <c r="B94" s="100"/>
      <c r="C94" s="101"/>
      <c r="D94" s="102"/>
      <c r="E94" s="24"/>
      <c r="F94" s="25"/>
      <c r="G94" s="34" t="s">
        <v>20</v>
      </c>
      <c r="H94" s="25" t="s">
        <v>21</v>
      </c>
      <c r="I94" s="36" t="s">
        <v>24</v>
      </c>
      <c r="J94" s="76"/>
      <c r="K94" s="77"/>
      <c r="L94" s="36" t="s">
        <v>25</v>
      </c>
      <c r="M94" s="31" t="s">
        <v>26</v>
      </c>
    </row>
    <row r="95" spans="2:13" ht="7.5" customHeight="1" x14ac:dyDescent="0.15">
      <c r="B95" s="103"/>
      <c r="C95" s="104"/>
      <c r="D95" s="105"/>
      <c r="E95" s="40"/>
      <c r="F95" s="41"/>
      <c r="G95" s="41"/>
      <c r="H95" s="42"/>
      <c r="I95" s="78"/>
      <c r="J95" s="79"/>
      <c r="K95" s="80"/>
      <c r="L95" s="42"/>
      <c r="M95" s="45"/>
    </row>
    <row r="96" spans="2:13" ht="7.5" customHeight="1" x14ac:dyDescent="0.15">
      <c r="B96" s="98"/>
      <c r="C96" s="106"/>
      <c r="D96" s="106"/>
      <c r="E96" s="46"/>
      <c r="K96" s="32"/>
      <c r="M96" s="81"/>
    </row>
    <row r="97" spans="2:13" x14ac:dyDescent="0.15">
      <c r="B97" s="100"/>
      <c r="C97" s="97" t="s">
        <v>66</v>
      </c>
      <c r="D97" s="97" t="s">
        <v>28</v>
      </c>
      <c r="E97" s="47">
        <v>1250</v>
      </c>
      <c r="F97" s="48">
        <v>853</v>
      </c>
      <c r="G97" s="48">
        <v>0</v>
      </c>
      <c r="H97" s="48">
        <v>54</v>
      </c>
      <c r="I97" s="48"/>
      <c r="J97" s="48"/>
      <c r="K97" s="83">
        <v>54</v>
      </c>
      <c r="L97" s="83">
        <v>0</v>
      </c>
      <c r="M97" s="84">
        <v>1</v>
      </c>
    </row>
    <row r="98" spans="2:13" x14ac:dyDescent="0.15">
      <c r="B98" s="100"/>
      <c r="C98" s="97" t="s">
        <v>67</v>
      </c>
      <c r="D98" s="97" t="s">
        <v>28</v>
      </c>
      <c r="E98" s="47">
        <v>270</v>
      </c>
      <c r="F98" s="48">
        <v>138</v>
      </c>
      <c r="G98" s="48">
        <v>1</v>
      </c>
      <c r="H98" s="48">
        <v>18</v>
      </c>
      <c r="I98" s="48"/>
      <c r="J98" s="48"/>
      <c r="K98" s="83">
        <v>18</v>
      </c>
      <c r="L98" s="83">
        <v>0</v>
      </c>
      <c r="M98" s="84">
        <v>1</v>
      </c>
    </row>
    <row r="99" spans="2:13" ht="9.75" customHeight="1" x14ac:dyDescent="0.15">
      <c r="B99" s="100"/>
      <c r="C99" s="107"/>
      <c r="D99" s="107"/>
      <c r="E99" s="108"/>
      <c r="F99" s="9"/>
      <c r="G99" s="9"/>
      <c r="H99" s="9"/>
      <c r="I99" s="9"/>
      <c r="J99" s="9"/>
      <c r="K99" s="48"/>
      <c r="L99" s="85"/>
      <c r="M99" s="86"/>
    </row>
    <row r="100" spans="2:13" ht="8.25" customHeight="1" x14ac:dyDescent="0.15">
      <c r="B100" s="109"/>
      <c r="C100" s="110"/>
      <c r="D100" s="111"/>
      <c r="E100" s="112"/>
      <c r="F100" s="57"/>
      <c r="G100" s="57"/>
      <c r="H100" s="57"/>
      <c r="I100" s="57"/>
      <c r="J100" s="57"/>
      <c r="K100" s="58"/>
      <c r="L100" s="87"/>
      <c r="M100" s="88"/>
    </row>
    <row r="101" spans="2:13" x14ac:dyDescent="0.15">
      <c r="B101" s="100"/>
      <c r="C101" s="113" t="s">
        <v>37</v>
      </c>
      <c r="D101" s="114"/>
      <c r="E101" s="64">
        <v>1520</v>
      </c>
      <c r="F101" s="89">
        <v>991</v>
      </c>
      <c r="G101" s="89">
        <v>1</v>
      </c>
      <c r="H101" s="89">
        <v>72</v>
      </c>
      <c r="I101" s="89"/>
      <c r="J101" s="89"/>
      <c r="K101" s="89">
        <v>72</v>
      </c>
      <c r="L101" s="89">
        <v>0</v>
      </c>
      <c r="M101" s="90">
        <v>1</v>
      </c>
    </row>
    <row r="102" spans="2:13" ht="7.5" customHeight="1" x14ac:dyDescent="0.15">
      <c r="B102" s="103"/>
      <c r="C102" s="115"/>
      <c r="D102" s="115"/>
      <c r="E102" s="69"/>
      <c r="F102" s="70"/>
      <c r="G102" s="70"/>
      <c r="H102" s="70"/>
      <c r="I102" s="70"/>
      <c r="J102" s="70"/>
      <c r="K102" s="71"/>
      <c r="L102" s="70"/>
      <c r="M102" s="72"/>
    </row>
    <row r="103" spans="2:13" x14ac:dyDescent="0.15">
      <c r="B103" s="116"/>
      <c r="C103" s="116"/>
      <c r="D103" s="116"/>
      <c r="E103" s="116"/>
      <c r="F103" s="116"/>
      <c r="G103" s="116"/>
      <c r="H103" s="116"/>
      <c r="I103" s="116"/>
      <c r="J103" s="116"/>
      <c r="K103" s="116"/>
      <c r="L103" s="116"/>
      <c r="M103" s="116"/>
    </row>
    <row r="104" spans="2:13" ht="29.25" customHeight="1" x14ac:dyDescent="0.15">
      <c r="B104" s="117"/>
      <c r="C104" s="117"/>
      <c r="D104" s="117"/>
      <c r="E104" s="117"/>
      <c r="F104" s="117"/>
      <c r="G104" s="117"/>
      <c r="H104" s="117"/>
      <c r="I104" s="117"/>
      <c r="J104" s="117"/>
      <c r="K104" s="117"/>
      <c r="L104" s="117"/>
      <c r="M104" s="117"/>
    </row>
  </sheetData>
  <mergeCells count="5">
    <mergeCell ref="A1:L2"/>
    <mergeCell ref="C23:D23"/>
    <mergeCell ref="C37:D37"/>
    <mergeCell ref="C64:D64"/>
    <mergeCell ref="C101:D101"/>
  </mergeCells>
  <phoneticPr fontId="3"/>
  <printOptions horizontalCentered="1"/>
  <pageMargins left="0.59055118110236227" right="0.59055118110236227" top="0.59055118110236227" bottom="0.59055118110236227" header="0.35433070866141736" footer="0.39370078740157483"/>
  <pageSetup paperSize="9" scale="65" orientation="portrait" useFirstPageNumber="1" r:id="rId1"/>
  <headerFooter alignWithMargins="0">
    <oddFooter>&amp;C&amp;"ＭＳ ゴシック,標準"&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_R8</vt:lpstr>
      <vt:lpstr>別紙２_R8!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3-19T06:35:02Z</dcterms:created>
  <dcterms:modified xsi:type="dcterms:W3CDTF">2026-03-19T06:35:52Z</dcterms:modified>
</cp:coreProperties>
</file>